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ppt/media/image25.bin" ContentType="image/jpeg"/>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
  </p:sldMasterIdLst>
  <p:notesMasterIdLst>
    <p:notesMasterId r:id="rId13"/>
  </p:notesMasterIdLst>
  <p:handoutMasterIdLst>
    <p:handoutMasterId r:id="rId14"/>
  </p:handoutMasterIdLst>
  <p:sldIdLst>
    <p:sldId id="2147481624" r:id="rId4"/>
    <p:sldId id="2147481558" r:id="rId5"/>
    <p:sldId id="2147481622" r:id="rId6"/>
    <p:sldId id="2147481598" r:id="rId7"/>
    <p:sldId id="2147474491" r:id="rId8"/>
    <p:sldId id="2147481621" r:id="rId9"/>
    <p:sldId id="2147481623" r:id="rId10"/>
    <p:sldId id="2147481620" r:id="rId11"/>
    <p:sldId id="2147481556" r:id="rId12"/>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4B87E0"/>
    <a:srgbClr val="D6E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139" autoAdjust="0"/>
  </p:normalViewPr>
  <p:slideViewPr>
    <p:cSldViewPr snapToGrid="0" showGuides="1">
      <p:cViewPr>
        <p:scale>
          <a:sx n="60" d="100"/>
          <a:sy n="60" d="100"/>
        </p:scale>
        <p:origin x="87" y="45"/>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111" d="100"/>
          <a:sy n="111" d="100"/>
        </p:scale>
        <p:origin x="5256" y="126"/>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notesMaster" Target="notesMasters/notesMaster1.xml"/><Relationship Id="rId18" Type="http://schemas.openxmlformats.org/officeDocument/2006/relationships/theme" Target="theme/theme1.xml"/><Relationship Id="rId3" Type="http://schemas.openxmlformats.org/officeDocument/2006/relationships/slideMaster" Target="slideMasters/slideMaster1.xml"/><Relationship Id="rId7" Type="http://schemas.openxmlformats.org/officeDocument/2006/relationships/slide" Target="slides/slide4.xml"/><Relationship Id="rId12" Type="http://schemas.openxmlformats.org/officeDocument/2006/relationships/slide" Target="slides/slide9.xml"/><Relationship Id="rId17"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slide" Target="slides/slide8.xml"/><Relationship Id="rId5" Type="http://schemas.openxmlformats.org/officeDocument/2006/relationships/slide" Target="slides/slide2.xml"/><Relationship Id="rId15" Type="http://schemas.openxmlformats.org/officeDocument/2006/relationships/commentAuthors" Target="commentAuthors.xml"/><Relationship Id="rId10" Type="http://schemas.openxmlformats.org/officeDocument/2006/relationships/slide" Target="slides/slide7.xml"/><Relationship Id="rId19" Type="http://schemas.openxmlformats.org/officeDocument/2006/relationships/tableStyles" Target="tableStyles.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handoutMaster" Target="handoutMasters/handout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dirty="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dirty="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04/09/2025</a:t>
            </a:fld>
            <a:endParaRPr lang="en-GB" sz="700" dirty="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04/09/2025</a:t>
            </a:fld>
            <a:endParaRPr lang="en-GB" dirty="0"/>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dirty="0"/>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95269445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A16CFAD1-D197-4A88-B173-A6412E995EE5}" type="slidenum">
              <a:rPr lang="en-GB"/>
              <a:t>9</a:t>
            </a:fld>
            <a:endParaRPr lang="en-GB" dirty="0"/>
          </a:p>
        </p:txBody>
      </p:sp>
    </p:spTree>
    <p:extLst>
      <p:ext uri="{BB962C8B-B14F-4D97-AF65-F5344CB8AC3E}">
        <p14:creationId xmlns:p14="http://schemas.microsoft.com/office/powerpoint/2010/main" val="177896302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1_Title Slide B">
    <p:spTree>
      <p:nvGrpSpPr>
        <p:cNvPr id="1" name=""/>
        <p:cNvGrpSpPr/>
        <p:nvPr/>
      </p:nvGrpSpPr>
      <p:grpSpPr>
        <a:xfrm>
          <a:off x="0" y="0"/>
          <a:ext cx="0" cy="0"/>
          <a:chOff x="0" y="0"/>
          <a:chExt cx="0" cy="0"/>
        </a:xfrm>
      </p:grpSpPr>
      <p:sp>
        <p:nvSpPr>
          <p:cNvPr id="11" name="Picture Placeholder 10"/>
          <p:cNvSpPr>
            <a:spLocks noGrp="1"/>
          </p:cNvSpPr>
          <p:nvPr>
            <p:ph type="pic" sz="quarter" idx="13" hasCustomPrompt="1"/>
          </p:nvPr>
        </p:nvSpPr>
        <p:spPr>
          <a:xfrm>
            <a:off x="0" y="-2"/>
            <a:ext cx="12192000" cy="6858001"/>
          </a:xfrm>
          <a:solidFill>
            <a:schemeClr val="tx2"/>
          </a:solidFill>
        </p:spPr>
        <p:txBody>
          <a:bodyPr lIns="72000" tIns="79200" rIns="72000" anchor="t" anchorCtr="0"/>
          <a:lstStyle>
            <a:lvl1pPr marL="0" indent="0" algn="l">
              <a:buNone/>
              <a:defRPr sz="1600">
                <a:solidFill>
                  <a:schemeClr val="bg1"/>
                </a:solidFill>
              </a:defRPr>
            </a:lvl1pPr>
          </a:lstStyle>
          <a:p>
            <a:r>
              <a:rPr lang="en-GB" dirty="0"/>
              <a:t>Activate the frame go to Templafy -&gt; Photos to select a picture</a:t>
            </a:r>
          </a:p>
        </p:txBody>
      </p:sp>
      <p:sp>
        <p:nvSpPr>
          <p:cNvPr id="2" name="Title 1"/>
          <p:cNvSpPr>
            <a:spLocks noGrp="1"/>
          </p:cNvSpPr>
          <p:nvPr>
            <p:ph type="ctrTitle"/>
          </p:nvPr>
        </p:nvSpPr>
        <p:spPr>
          <a:xfrm>
            <a:off x="539749" y="1555200"/>
            <a:ext cx="7347600" cy="1622898"/>
          </a:xfrm>
        </p:spPr>
        <p:txBody>
          <a:bodyPr anchor="t" anchorCtr="0"/>
          <a:lstStyle>
            <a:lvl1pPr algn="l">
              <a:defRPr sz="5400">
                <a:solidFill>
                  <a:schemeClr val="bg1"/>
                </a:solidFill>
              </a:defRPr>
            </a:lvl1pPr>
          </a:lstStyle>
          <a:p>
            <a:r>
              <a:rPr lang="en-US"/>
              <a:t>Click to edit Master title style</a:t>
            </a:r>
            <a:endParaRPr lang="en-GB" dirty="0"/>
          </a:p>
        </p:txBody>
      </p:sp>
      <p:sp>
        <p:nvSpPr>
          <p:cNvPr id="3" name="Subtitle 2"/>
          <p:cNvSpPr>
            <a:spLocks noGrp="1"/>
          </p:cNvSpPr>
          <p:nvPr>
            <p:ph type="subTitle" idx="1"/>
          </p:nvPr>
        </p:nvSpPr>
        <p:spPr>
          <a:xfrm>
            <a:off x="539750" y="694800"/>
            <a:ext cx="7347599" cy="673812"/>
          </a:xfrm>
        </p:spPr>
        <p:txBody>
          <a:bodyPr anchor="b" anchorCtr="0"/>
          <a:lstStyle>
            <a:lvl1pPr marL="0" indent="0" algn="l">
              <a:lnSpc>
                <a:spcPct val="90000"/>
              </a:lnSpc>
              <a:spcBef>
                <a:spcPts val="0"/>
              </a:spcBef>
              <a:buFont typeface="Arial" panose="020B0604020202020204" pitchFamily="34" charset="0"/>
              <a:buChar char="​"/>
              <a:defRPr sz="2400">
                <a:solidFill>
                  <a:schemeClr val="bg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dirty="0"/>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GB"/>
              <a:t>4 September, 2025</a:t>
            </a:fld>
            <a:endParaRPr lang="en-GB"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GB"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GB"/>
              <a:pPr/>
              <a:t>‹#›</a:t>
            </a:fld>
            <a:endParaRPr lang="en-GB" dirty="0"/>
          </a:p>
        </p:txBody>
      </p:sp>
      <p:pic>
        <p:nvPicPr>
          <p:cNvPr id="10" name="Logo">
            <a:extLst>
              <a:ext uri="{FF2B5EF4-FFF2-40B4-BE49-F238E27FC236}">
                <a16:creationId xmlns:a16="http://schemas.microsoft.com/office/drawing/2014/main" id="{BBD7FE31-4189-4929-9AD2-C370716D079B}"/>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10918112" y="6482502"/>
            <a:ext cx="729900" cy="216000"/>
          </a:xfrm>
          <a:prstGeom prst="rect">
            <a:avLst/>
          </a:prstGeom>
        </p:spPr>
      </p:pic>
    </p:spTree>
    <p:extLst>
      <p:ext uri="{BB962C8B-B14F-4D97-AF65-F5344CB8AC3E}">
        <p14:creationId xmlns:p14="http://schemas.microsoft.com/office/powerpoint/2010/main" val="3088772030"/>
      </p:ext>
    </p:extLst>
  </p:cSld>
  <p:clrMapOvr>
    <a:masterClrMapping/>
  </p:clrMapOvr>
  <p:transition spd="slow">
    <p:push/>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4 September 2025</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image" Target="../media/image1.emf"/><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
        <p:nvSpPr>
          <p:cNvPr id="4" name="Text Placeholder logo">
            <a:extLst>
              <a:ext uri="{FF2B5EF4-FFF2-40B4-BE49-F238E27FC236}">
                <a16:creationId xmlns:a16="http://schemas.microsoft.com/office/drawing/2014/main" id="{970493F7-9C6A-5846-48A1-441E0A58FEA6}"/>
              </a:ext>
            </a:extLst>
          </p:cNvPr>
          <p:cNvSpPr txBox="1">
            <a:spLocks/>
          </p:cNvSpPr>
          <p:nvPr userDrawn="1"/>
        </p:nvSpPr>
        <p:spPr>
          <a:xfrm>
            <a:off x="507116" y="6353160"/>
            <a:ext cx="661414" cy="195733"/>
          </a:xfrm>
          <a:prstGeom prst="rect">
            <a:avLst/>
          </a:prstGeom>
          <a:blipFill>
            <a:blip r:embed="rId42" cstate="screen">
              <a:extLst>
                <a:ext uri="{28A0092B-C50C-407E-A947-70E740481C1C}">
                  <a14:useLocalDpi xmlns:a14="http://schemas.microsoft.com/office/drawing/2010/main"/>
                </a:ext>
              </a:extLst>
            </a:blip>
            <a:srcRect/>
            <a:stretch>
              <a:fillRect l="-39" r="-39"/>
            </a:stretch>
          </a:blipFill>
        </p:spPr>
        <p:txBody>
          <a:bodyPr/>
          <a:lstStyle>
            <a:lvl1pPr marL="0" indent="0" algn="l" defTabSz="914400" rtl="0" eaLnBrk="1" latinLnBrk="0" hangingPunct="1">
              <a:lnSpc>
                <a:spcPct val="100000"/>
              </a:lnSpc>
              <a:spcBef>
                <a:spcPts val="1000"/>
              </a:spcBef>
              <a:buFont typeface="Arial" panose="020B0604020202020204" pitchFamily="34" charset="0"/>
              <a:buNone/>
              <a:defRPr sz="100" kern="1200">
                <a:no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a:lstStyle>
          <a:p>
            <a:r>
              <a:rPr lang="en-US" dirty="0"/>
              <a:t>.</a:t>
            </a: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 id="2147483783" r:id="rId40"/>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Layout" Target="../slideLayouts/slideLayout3.xml"/><Relationship Id="rId1" Type="http://schemas.openxmlformats.org/officeDocument/2006/relationships/tags" Target="../tags/tag1.xml"/><Relationship Id="rId6" Type="http://schemas.openxmlformats.org/officeDocument/2006/relationships/image" Target="../media/image1.emf"/><Relationship Id="rId5" Type="http://schemas.openxmlformats.org/officeDocument/2006/relationships/image" Target="../media/image19.jpg"/><Relationship Id="rId4" Type="http://schemas.openxmlformats.org/officeDocument/2006/relationships/image" Target="../media/image18.emf"/></Relationships>
</file>

<file path=ppt/slides/_rels/slide2.xml.rels><?xml version="1.0" encoding="UTF-8" standalone="yes"?>
<Relationships xmlns="http://schemas.openxmlformats.org/package/2006/relationships"><Relationship Id="rId2" Type="http://schemas.openxmlformats.org/officeDocument/2006/relationships/image" Target="../media/image20.jpeg"/><Relationship Id="rId1" Type="http://schemas.openxmlformats.org/officeDocument/2006/relationships/slideLayout" Target="../slideLayouts/slideLayout33.xml"/></Relationships>
</file>

<file path=ppt/slides/_rels/slide3.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21.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5.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1.xml"/><Relationship Id="rId1" Type="http://schemas.openxmlformats.org/officeDocument/2006/relationships/slideLayout" Target="../slideLayouts/slideLayout32.xml"/><Relationship Id="rId4" Type="http://schemas.microsoft.com/office/2007/relationships/hdphoto" Target="../media/hdphoto1.wdp"/></Relationships>
</file>

<file path=ppt/slides/_rels/slide6.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Layout" Target="../slideLayouts/slideLayout3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8.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33.xml"/></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40.xml"/><Relationship Id="rId1" Type="http://schemas.openxmlformats.org/officeDocument/2006/relationships/tags" Target="../tags/tag2.xml"/><Relationship Id="rId5" Type="http://schemas.openxmlformats.org/officeDocument/2006/relationships/image" Target="../media/image2.emf"/><Relationship Id="rId4" Type="http://schemas.openxmlformats.org/officeDocument/2006/relationships/image" Target="../media/image25.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6670B44-86D9-DF47-0115-605BB2EAB48B}"/>
            </a:ext>
          </a:extLst>
        </p:cNvPr>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58B0D700-2589-C1E0-2A6C-78EF38FDE00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1" imgH="483" progId="TCLayout.ActiveDocument.1">
                  <p:embed/>
                </p:oleObj>
              </mc:Choice>
              <mc:Fallback>
                <p:oleObj name="think-cell Slide" r:id="rId3" imgW="481" imgH="483" progId="TCLayout.ActiveDocument.1">
                  <p:embed/>
                  <p:pic>
                    <p:nvPicPr>
                      <p:cNvPr id="9" name="think-cell data - do not delete" hidden="1">
                        <a:extLst>
                          <a:ext uri="{FF2B5EF4-FFF2-40B4-BE49-F238E27FC236}">
                            <a16:creationId xmlns:a16="http://schemas.microsoft.com/office/drawing/2014/main" id="{B8C542B5-707C-4672-40D4-56E4F83114A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Subtitle 3">
            <a:extLst>
              <a:ext uri="{FF2B5EF4-FFF2-40B4-BE49-F238E27FC236}">
                <a16:creationId xmlns:a16="http://schemas.microsoft.com/office/drawing/2014/main" id="{48F05518-461D-78ED-6219-987EF6223159}"/>
              </a:ext>
            </a:extLst>
          </p:cNvPr>
          <p:cNvSpPr>
            <a:spLocks noGrp="1"/>
          </p:cNvSpPr>
          <p:nvPr>
            <p:ph type="subTitle" idx="1"/>
          </p:nvPr>
        </p:nvSpPr>
        <p:spPr/>
        <p:txBody>
          <a:bodyPr/>
          <a:lstStyle/>
          <a:p>
            <a:r>
              <a:rPr lang="en-US" dirty="0"/>
              <a:t>September 2025</a:t>
            </a:r>
          </a:p>
        </p:txBody>
      </p:sp>
      <p:sp>
        <p:nvSpPr>
          <p:cNvPr id="5" name="Text Placeholder 4">
            <a:extLst>
              <a:ext uri="{FF2B5EF4-FFF2-40B4-BE49-F238E27FC236}">
                <a16:creationId xmlns:a16="http://schemas.microsoft.com/office/drawing/2014/main" id="{E79FBF04-5BDE-C5AE-79CE-7F6B2F162E6E}"/>
              </a:ext>
            </a:extLst>
          </p:cNvPr>
          <p:cNvSpPr>
            <a:spLocks noGrp="1"/>
          </p:cNvSpPr>
          <p:nvPr>
            <p:ph type="body" sz="quarter" idx="14"/>
          </p:nvPr>
        </p:nvSpPr>
        <p:spPr/>
        <p:txBody>
          <a:bodyPr/>
          <a:lstStyle/>
          <a:p>
            <a:endParaRPr lang="en-US" dirty="0"/>
          </a:p>
        </p:txBody>
      </p:sp>
      <p:sp>
        <p:nvSpPr>
          <p:cNvPr id="6" name="Date Placeholder 5">
            <a:extLst>
              <a:ext uri="{FF2B5EF4-FFF2-40B4-BE49-F238E27FC236}">
                <a16:creationId xmlns:a16="http://schemas.microsoft.com/office/drawing/2014/main" id="{69511AE4-8F22-BF01-3965-2A895BF26861}"/>
              </a:ext>
            </a:extLst>
          </p:cNvPr>
          <p:cNvSpPr>
            <a:spLocks noGrp="1"/>
          </p:cNvSpPr>
          <p:nvPr>
            <p:ph type="dt" sz="half" idx="10"/>
          </p:nvPr>
        </p:nvSpPr>
        <p:spPr/>
        <p:txBody>
          <a:bodyPr/>
          <a:lstStyle/>
          <a:p>
            <a:fld id="{FC968453-BAB5-46CE-A4CF-38551120EE52}" type="datetime3">
              <a:rPr lang="en-US" smtClean="0"/>
              <a:t>5 September 2025</a:t>
            </a:fld>
            <a:endParaRPr lang="en-US" dirty="0"/>
          </a:p>
        </p:txBody>
      </p:sp>
      <p:sp>
        <p:nvSpPr>
          <p:cNvPr id="7" name="Footer Placeholder 6">
            <a:extLst>
              <a:ext uri="{FF2B5EF4-FFF2-40B4-BE49-F238E27FC236}">
                <a16:creationId xmlns:a16="http://schemas.microsoft.com/office/drawing/2014/main" id="{3C483E23-63C0-3E74-9E51-9B3938B6E324}"/>
              </a:ext>
            </a:extLst>
          </p:cNvPr>
          <p:cNvSpPr>
            <a:spLocks noGrp="1"/>
          </p:cNvSpPr>
          <p:nvPr>
            <p:ph type="ftr" sz="quarter" idx="11"/>
          </p:nvPr>
        </p:nvSpPr>
        <p:spPr/>
        <p:txBody>
          <a:bodyPr/>
          <a:lstStyle/>
          <a:p>
            <a:r>
              <a:rPr lang="en-US" dirty="0"/>
              <a:t>Add place via Insert, Header &amp; Footer</a:t>
            </a:r>
          </a:p>
        </p:txBody>
      </p:sp>
      <p:sp>
        <p:nvSpPr>
          <p:cNvPr id="8" name="Slide Number Placeholder 7">
            <a:extLst>
              <a:ext uri="{FF2B5EF4-FFF2-40B4-BE49-F238E27FC236}">
                <a16:creationId xmlns:a16="http://schemas.microsoft.com/office/drawing/2014/main" id="{4D9B0E85-A11A-0F2E-91EE-799DAAE495A7}"/>
              </a:ext>
            </a:extLst>
          </p:cNvPr>
          <p:cNvSpPr>
            <a:spLocks noGrp="1"/>
          </p:cNvSpPr>
          <p:nvPr>
            <p:ph type="sldNum" sz="quarter" idx="12"/>
          </p:nvPr>
        </p:nvSpPr>
        <p:spPr/>
        <p:txBody>
          <a:bodyPr/>
          <a:lstStyle/>
          <a:p>
            <a:fld id="{24C8C45C-947F-4981-8B3F-4F32E973C901}" type="slidenum">
              <a:rPr lang="en-US" smtClean="0"/>
              <a:pPr/>
              <a:t>1</a:t>
            </a:fld>
            <a:endParaRPr lang="en-US" dirty="0"/>
          </a:p>
        </p:txBody>
      </p:sp>
      <p:pic>
        <p:nvPicPr>
          <p:cNvPr id="17" name="Picture Placeholder 16">
            <a:extLst>
              <a:ext uri="{FF2B5EF4-FFF2-40B4-BE49-F238E27FC236}">
                <a16:creationId xmlns:a16="http://schemas.microsoft.com/office/drawing/2014/main" id="{F8A20A56-4719-B4D3-A02F-F6F93AA0A171}"/>
              </a:ext>
            </a:extLst>
          </p:cNvPr>
          <p:cNvPicPr>
            <a:picLocks noGrp="1" noChangeAspect="1"/>
          </p:cNvPicPr>
          <p:nvPr>
            <p:ph type="pic" sz="quarter" idx="13"/>
          </p:nvPr>
        </p:nvPicPr>
        <p:blipFill>
          <a:blip r:embed="rId5">
            <a:extLst>
              <a:ext uri="{28A0092B-C50C-407E-A947-70E740481C1C}">
                <a14:useLocalDpi xmlns:a14="http://schemas.microsoft.com/office/drawing/2010/main" val="0"/>
              </a:ext>
            </a:extLst>
          </a:blip>
          <a:srcRect t="7813" b="7813"/>
          <a:stretch>
            <a:fillRect/>
          </a:stretch>
        </p:blipFill>
        <p:spPr>
          <a:xfrm>
            <a:off x="0" y="0"/>
            <a:ext cx="12192000" cy="6858001"/>
          </a:xfrm>
        </p:spPr>
      </p:pic>
      <p:sp>
        <p:nvSpPr>
          <p:cNvPr id="20" name="Title 2">
            <a:extLst>
              <a:ext uri="{FF2B5EF4-FFF2-40B4-BE49-F238E27FC236}">
                <a16:creationId xmlns:a16="http://schemas.microsoft.com/office/drawing/2014/main" id="{00F4296B-D5EC-5443-92C6-1CC356984D5D}"/>
              </a:ext>
            </a:extLst>
          </p:cNvPr>
          <p:cNvSpPr txBox="1">
            <a:spLocks/>
          </p:cNvSpPr>
          <p:nvPr/>
        </p:nvSpPr>
        <p:spPr>
          <a:xfrm>
            <a:off x="419100" y="2921557"/>
            <a:ext cx="6737074" cy="3169209"/>
          </a:xfrm>
          <a:prstGeom prst="rect">
            <a:avLst/>
          </a:prstGeom>
          <a:solidFill>
            <a:schemeClr val="tx1">
              <a:lumMod val="95000"/>
              <a:alpha val="71000"/>
            </a:schemeClr>
          </a:solidFill>
        </p:spPr>
        <p:txBody>
          <a:bodyPr vert="horz" lIns="180000" tIns="0" rIns="36000" bIns="0" rtlCol="0" anchor="t" anchorCtr="0">
            <a:noAutofit/>
          </a:bodyPr>
          <a:lstStyle>
            <a:lvl1pPr algn="l" defTabSz="914400" rtl="0" eaLnBrk="1" latinLnBrk="0" hangingPunct="1">
              <a:lnSpc>
                <a:spcPct val="100000"/>
              </a:lnSpc>
              <a:spcBef>
                <a:spcPct val="0"/>
              </a:spcBef>
              <a:buNone/>
              <a:defRPr sz="6000" b="1" kern="1200" spc="-300" baseline="0">
                <a:solidFill>
                  <a:schemeClr val="tx1"/>
                </a:solidFill>
                <a:latin typeface="+mj-lt"/>
                <a:ea typeface="+mj-ea"/>
                <a:cs typeface="+mj-cs"/>
              </a:defRPr>
            </a:lvl1pPr>
          </a:lstStyle>
          <a:p>
            <a:r>
              <a:rPr lang="en-US" sz="4000" spc="-180" dirty="0">
                <a:solidFill>
                  <a:srgbClr val="002060"/>
                </a:solidFill>
              </a:rPr>
              <a:t>AEO and Trust &amp; Check: why do we want both of them? </a:t>
            </a:r>
          </a:p>
          <a:p>
            <a:br>
              <a:rPr lang="en-US" sz="2800" spc="-180" dirty="0">
                <a:solidFill>
                  <a:srgbClr val="002060"/>
                </a:solidFill>
              </a:rPr>
            </a:br>
            <a:r>
              <a:rPr lang="en-US" sz="2400" spc="-180" dirty="0">
                <a:solidFill>
                  <a:srgbClr val="002060"/>
                </a:solidFill>
              </a:rPr>
              <a:t>XVII World Customs Law Meeting</a:t>
            </a:r>
          </a:p>
          <a:p>
            <a:pPr>
              <a:lnSpc>
                <a:spcPct val="150000"/>
              </a:lnSpc>
            </a:pPr>
            <a:r>
              <a:rPr lang="en-US" sz="2400" spc="-180" dirty="0">
                <a:solidFill>
                  <a:srgbClr val="002060"/>
                </a:solidFill>
              </a:rPr>
              <a:t>Dr Anna Jerzewska </a:t>
            </a:r>
          </a:p>
          <a:p>
            <a:pPr>
              <a:lnSpc>
                <a:spcPct val="150000"/>
              </a:lnSpc>
            </a:pPr>
            <a:endParaRPr lang="en-US" sz="3200" b="0" dirty="0">
              <a:solidFill>
                <a:srgbClr val="002060"/>
              </a:solidFill>
              <a:latin typeface="+mn-lt"/>
            </a:endParaRPr>
          </a:p>
          <a:p>
            <a:pPr>
              <a:lnSpc>
                <a:spcPct val="150000"/>
              </a:lnSpc>
            </a:pPr>
            <a:endParaRPr lang="en-US" sz="3200" b="0" dirty="0">
              <a:solidFill>
                <a:srgbClr val="002060"/>
              </a:solidFill>
              <a:latin typeface="+mn-lt"/>
            </a:endParaRPr>
          </a:p>
        </p:txBody>
      </p:sp>
      <p:sp>
        <p:nvSpPr>
          <p:cNvPr id="21" name="Text Placeholder logo">
            <a:extLst>
              <a:ext uri="{FF2B5EF4-FFF2-40B4-BE49-F238E27FC236}">
                <a16:creationId xmlns:a16="http://schemas.microsoft.com/office/drawing/2014/main" id="{36E222AD-6782-D4BF-FEF3-0D963244C775}"/>
              </a:ext>
            </a:extLst>
          </p:cNvPr>
          <p:cNvSpPr txBox="1">
            <a:spLocks/>
          </p:cNvSpPr>
          <p:nvPr/>
        </p:nvSpPr>
        <p:spPr>
          <a:xfrm>
            <a:off x="630941" y="5686410"/>
            <a:ext cx="661414" cy="195733"/>
          </a:xfrm>
          <a:prstGeom prst="rect">
            <a:avLst/>
          </a:prstGeom>
          <a:blipFill>
            <a:blip r:embed="rId6" cstate="screen">
              <a:extLst>
                <a:ext uri="{28A0092B-C50C-407E-A947-70E740481C1C}">
                  <a14:useLocalDpi xmlns:a14="http://schemas.microsoft.com/office/drawing/2010/main"/>
                </a:ext>
              </a:extLst>
            </a:blip>
            <a:srcRect/>
            <a:stretch>
              <a:fillRect l="-39" r="-39"/>
            </a:stretch>
          </a:blipFill>
        </p:spPr>
        <p:txBody>
          <a:bodyPr/>
          <a:lstStyle>
            <a:lvl1pPr marL="0" indent="0" algn="l" defTabSz="914400" rtl="0" eaLnBrk="1" latinLnBrk="0" hangingPunct="1">
              <a:lnSpc>
                <a:spcPct val="100000"/>
              </a:lnSpc>
              <a:spcBef>
                <a:spcPts val="1000"/>
              </a:spcBef>
              <a:buFont typeface="Arial" panose="020B0604020202020204" pitchFamily="34" charset="0"/>
              <a:buNone/>
              <a:defRPr sz="100" kern="1200">
                <a:no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a:lstStyle>
          <a:p>
            <a:r>
              <a:rPr lang="en-US" dirty="0"/>
              <a:t>.</a:t>
            </a:r>
          </a:p>
        </p:txBody>
      </p:sp>
    </p:spTree>
    <p:extLst>
      <p:ext uri="{BB962C8B-B14F-4D97-AF65-F5344CB8AC3E}">
        <p14:creationId xmlns:p14="http://schemas.microsoft.com/office/powerpoint/2010/main" val="2403449070"/>
      </p:ext>
    </p:extLst>
  </p:cSld>
  <p:clrMapOvr>
    <a:masterClrMapping/>
  </p:clrMapOvr>
  <p:transition spd="slow">
    <p:push/>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59677A3A-A3E1-0066-8A74-ED60B3931D30}"/>
              </a:ext>
            </a:extLst>
          </p:cNvPr>
          <p:cNvSpPr>
            <a:spLocks noGrp="1"/>
          </p:cNvSpPr>
          <p:nvPr>
            <p:ph type="title"/>
          </p:nvPr>
        </p:nvSpPr>
        <p:spPr>
          <a:xfrm>
            <a:off x="817220" y="571501"/>
            <a:ext cx="5080000" cy="571500"/>
          </a:xfrm>
        </p:spPr>
        <p:txBody>
          <a:bodyPr/>
          <a:lstStyle/>
          <a:p>
            <a:r>
              <a:rPr lang="en-US" dirty="0">
                <a:solidFill>
                  <a:srgbClr val="002060"/>
                </a:solidFill>
              </a:rPr>
              <a:t>The UCC Reform</a:t>
            </a:r>
          </a:p>
        </p:txBody>
      </p:sp>
      <p:sp>
        <p:nvSpPr>
          <p:cNvPr id="5" name="Date Placeholder 4">
            <a:extLst>
              <a:ext uri="{FF2B5EF4-FFF2-40B4-BE49-F238E27FC236}">
                <a16:creationId xmlns:a16="http://schemas.microsoft.com/office/drawing/2014/main" id="{29A574A2-47D8-2F97-E80A-F090FE3EB0FB}"/>
              </a:ext>
            </a:extLst>
          </p:cNvPr>
          <p:cNvSpPr>
            <a:spLocks noGrp="1"/>
          </p:cNvSpPr>
          <p:nvPr>
            <p:ph type="dt" sz="half" idx="11"/>
          </p:nvPr>
        </p:nvSpPr>
        <p:spPr/>
        <p:txBody>
          <a:bodyPr/>
          <a:lstStyle/>
          <a:p>
            <a:fld id="{FC968453-BAB5-46CE-A4CF-38551120EE52}" type="datetime3">
              <a:rPr lang="en-US" smtClean="0"/>
              <a:t>4 September 2025</a:t>
            </a:fld>
            <a:endParaRPr lang="en-US" dirty="0"/>
          </a:p>
        </p:txBody>
      </p:sp>
      <p:sp>
        <p:nvSpPr>
          <p:cNvPr id="6" name="Footer Placeholder 5">
            <a:extLst>
              <a:ext uri="{FF2B5EF4-FFF2-40B4-BE49-F238E27FC236}">
                <a16:creationId xmlns:a16="http://schemas.microsoft.com/office/drawing/2014/main" id="{07063C69-77DC-E665-95D5-B16C49321C43}"/>
              </a:ext>
            </a:extLst>
          </p:cNvPr>
          <p:cNvSpPr>
            <a:spLocks noGrp="1"/>
          </p:cNvSpPr>
          <p:nvPr>
            <p:ph type="ftr" sz="quarter" idx="12"/>
          </p:nvPr>
        </p:nvSpPr>
        <p:spPr/>
        <p:txBody>
          <a:bodyPr/>
          <a:lstStyle/>
          <a:p>
            <a:r>
              <a:rPr lang="en-US" dirty="0"/>
              <a:t>Add place via Insert, Header &amp; Footer</a:t>
            </a:r>
          </a:p>
        </p:txBody>
      </p:sp>
      <p:sp>
        <p:nvSpPr>
          <p:cNvPr id="10" name="Freeform: Shape 9">
            <a:extLst>
              <a:ext uri="{FF2B5EF4-FFF2-40B4-BE49-F238E27FC236}">
                <a16:creationId xmlns:a16="http://schemas.microsoft.com/office/drawing/2014/main" id="{50C0D992-ED5D-33DA-FDEC-EDF22FD02696}"/>
              </a:ext>
            </a:extLst>
          </p:cNvPr>
          <p:cNvSpPr/>
          <p:nvPr/>
        </p:nvSpPr>
        <p:spPr>
          <a:xfrm>
            <a:off x="755375" y="1460058"/>
            <a:ext cx="6679094" cy="686204"/>
          </a:xfrm>
          <a:custGeom>
            <a:avLst/>
            <a:gdLst>
              <a:gd name="connsiteX0" fmla="*/ 0 w 5161279"/>
              <a:gd name="connsiteY0" fmla="*/ 0 h 686204"/>
              <a:gd name="connsiteX1" fmla="*/ 5161279 w 5161279"/>
              <a:gd name="connsiteY1" fmla="*/ 0 h 686204"/>
              <a:gd name="connsiteX2" fmla="*/ 5161279 w 5161279"/>
              <a:gd name="connsiteY2" fmla="*/ 686204 h 686204"/>
              <a:gd name="connsiteX3" fmla="*/ 0 w 5161279"/>
              <a:gd name="connsiteY3" fmla="*/ 686204 h 686204"/>
              <a:gd name="connsiteX4" fmla="*/ 0 w 5161279"/>
              <a:gd name="connsiteY4" fmla="*/ 0 h 68620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1279" h="686204">
                <a:moveTo>
                  <a:pt x="0" y="0"/>
                </a:moveTo>
                <a:lnTo>
                  <a:pt x="5161279" y="0"/>
                </a:lnTo>
                <a:lnTo>
                  <a:pt x="5161279" y="686204"/>
                </a:lnTo>
                <a:lnTo>
                  <a:pt x="0" y="686204"/>
                </a:lnTo>
                <a:lnTo>
                  <a:pt x="0" y="0"/>
                </a:lnTo>
                <a:close/>
              </a:path>
            </a:pathLst>
          </a:custGeom>
          <a:noFill/>
          <a:ln>
            <a:noFill/>
          </a:ln>
        </p:spPr>
        <p:style>
          <a:lnRef idx="0">
            <a:scrgbClr r="0" g="0" b="0"/>
          </a:lnRef>
          <a:fillRef idx="0">
            <a:scrgbClr r="0" g="0" b="0"/>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0" tIns="0" rIns="0" bIns="0" numCol="1" spcCol="1270" anchor="t" anchorCtr="0">
            <a:noAutofit/>
          </a:bodyPr>
          <a:lstStyle/>
          <a:p>
            <a:pPr marL="171450" lvl="1" indent="-171450" algn="l" defTabSz="466725">
              <a:lnSpc>
                <a:spcPct val="90000"/>
              </a:lnSpc>
              <a:spcBef>
                <a:spcPct val="0"/>
              </a:spcBef>
              <a:spcAft>
                <a:spcPts val="1800"/>
              </a:spcAft>
              <a:buFont typeface="Arial" panose="020B0604020202020204" pitchFamily="34" charset="0"/>
              <a:buChar char="•"/>
            </a:pPr>
            <a:r>
              <a:rPr lang="en-GB" sz="1600" noProof="0" dirty="0">
                <a:solidFill>
                  <a:srgbClr val="002060"/>
                </a:solidFill>
              </a:rPr>
              <a:t>UCC entered into force in 2016</a:t>
            </a:r>
          </a:p>
          <a:p>
            <a:pPr marL="171450" lvl="1" indent="-171450" algn="l" defTabSz="466725">
              <a:lnSpc>
                <a:spcPct val="90000"/>
              </a:lnSpc>
              <a:spcBef>
                <a:spcPct val="0"/>
              </a:spcBef>
              <a:spcAft>
                <a:spcPts val="1800"/>
              </a:spcAft>
              <a:buFont typeface="Arial" panose="020B0604020202020204" pitchFamily="34" charset="0"/>
              <a:buChar char="•"/>
            </a:pPr>
            <a:r>
              <a:rPr lang="en-GB" sz="1600" noProof="0" dirty="0">
                <a:solidFill>
                  <a:srgbClr val="002060"/>
                </a:solidFill>
              </a:rPr>
              <a:t>Need to modernise and future-proof the legislation </a:t>
            </a:r>
          </a:p>
          <a:p>
            <a:pPr marL="171450" lvl="1" indent="-171450" defTabSz="466725">
              <a:lnSpc>
                <a:spcPct val="90000"/>
              </a:lnSpc>
              <a:spcBef>
                <a:spcPct val="0"/>
              </a:spcBef>
              <a:spcAft>
                <a:spcPts val="1800"/>
              </a:spcAft>
              <a:buFont typeface="Arial" panose="020B0604020202020204" pitchFamily="34" charset="0"/>
              <a:buChar char="•"/>
            </a:pPr>
            <a:r>
              <a:rPr lang="en-GB" sz="1600" noProof="0" dirty="0">
                <a:solidFill>
                  <a:srgbClr val="002060"/>
                </a:solidFill>
              </a:rPr>
              <a:t>2022, the EU Customs Union Wise Persons Group (WPG) report included a recommendation for a new approach to the Authorised Economic Operator (AEO) status: </a:t>
            </a:r>
            <a:r>
              <a:rPr lang="en-GB" sz="1600" i="1" noProof="0" dirty="0">
                <a:solidFill>
                  <a:srgbClr val="002060"/>
                </a:solidFill>
              </a:rPr>
              <a:t>Build a new framework of Responsibility and Trust</a:t>
            </a:r>
          </a:p>
          <a:p>
            <a:pPr marL="171450" lvl="1" indent="-171450" algn="l" defTabSz="466725">
              <a:lnSpc>
                <a:spcPct val="90000"/>
              </a:lnSpc>
              <a:spcBef>
                <a:spcPct val="0"/>
              </a:spcBef>
              <a:spcAft>
                <a:spcPts val="1800"/>
              </a:spcAft>
              <a:buFont typeface="Arial" panose="020B0604020202020204" pitchFamily="34" charset="0"/>
              <a:buChar char="•"/>
            </a:pPr>
            <a:r>
              <a:rPr lang="en-GB" sz="1600" noProof="0" dirty="0">
                <a:solidFill>
                  <a:srgbClr val="002060"/>
                </a:solidFill>
              </a:rPr>
              <a:t>May 2023, Proposal for a REGULATION OF THE EUROPEAN PARLIAMENT AND OF THE COUNCIL establishing the Union Customs Code and the European Union Customs Authority, and repealing Regulation (EU) No 952/2013 </a:t>
            </a:r>
          </a:p>
          <a:p>
            <a:pPr marL="171450" lvl="1" indent="-171450" defTabSz="466725">
              <a:lnSpc>
                <a:spcPct val="90000"/>
              </a:lnSpc>
              <a:spcBef>
                <a:spcPct val="0"/>
              </a:spcBef>
              <a:spcAft>
                <a:spcPts val="1800"/>
              </a:spcAft>
              <a:buFont typeface="Arial" panose="020B0604020202020204" pitchFamily="34" charset="0"/>
              <a:buChar char="•"/>
            </a:pPr>
            <a:r>
              <a:rPr lang="en-GB" sz="1600" dirty="0">
                <a:solidFill>
                  <a:srgbClr val="002060"/>
                </a:solidFill>
              </a:rPr>
              <a:t>Key aspects of the customs reform: creation of the new, centralised EU Customs Authority, new approach to data sharing via a Customs Data Hub and modernising provisions for e-commerce</a:t>
            </a:r>
          </a:p>
          <a:p>
            <a:pPr marL="171450" lvl="1" indent="-171450" algn="l" defTabSz="466725">
              <a:lnSpc>
                <a:spcPct val="90000"/>
              </a:lnSpc>
              <a:spcBef>
                <a:spcPct val="0"/>
              </a:spcBef>
              <a:spcAft>
                <a:spcPts val="1800"/>
              </a:spcAft>
              <a:buFont typeface="Arial" panose="020B0604020202020204" pitchFamily="34" charset="0"/>
              <a:buChar char="•"/>
            </a:pPr>
            <a:r>
              <a:rPr lang="en-GB" sz="1600" noProof="0" dirty="0">
                <a:solidFill>
                  <a:srgbClr val="002060"/>
                </a:solidFill>
              </a:rPr>
              <a:t>Includes far-reaching changes to the EU AEO status</a:t>
            </a:r>
          </a:p>
          <a:p>
            <a:pPr marL="171450" lvl="1" indent="-171450" algn="l" defTabSz="466725">
              <a:lnSpc>
                <a:spcPct val="90000"/>
              </a:lnSpc>
              <a:spcBef>
                <a:spcPct val="0"/>
              </a:spcBef>
              <a:spcAft>
                <a:spcPts val="1200"/>
              </a:spcAft>
              <a:buFont typeface="Arial" panose="020B0604020202020204" pitchFamily="34" charset="0"/>
              <a:buChar char="•"/>
            </a:pPr>
            <a:endParaRPr lang="en-US" sz="1600" dirty="0">
              <a:solidFill>
                <a:schemeClr val="tx1"/>
              </a:solidFill>
            </a:endParaRPr>
          </a:p>
        </p:txBody>
      </p:sp>
      <p:pic>
        <p:nvPicPr>
          <p:cNvPr id="3" name="Picture 2">
            <a:extLst>
              <a:ext uri="{FF2B5EF4-FFF2-40B4-BE49-F238E27FC236}">
                <a16:creationId xmlns:a16="http://schemas.microsoft.com/office/drawing/2014/main" id="{A85B8000-2D0C-3D32-7727-C1A608C90BE2}"/>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607676" y="0"/>
            <a:ext cx="4578080" cy="6858000"/>
          </a:xfrm>
          <a:prstGeom prst="rect">
            <a:avLst/>
          </a:prstGeom>
        </p:spPr>
      </p:pic>
    </p:spTree>
    <p:extLst>
      <p:ext uri="{BB962C8B-B14F-4D97-AF65-F5344CB8AC3E}">
        <p14:creationId xmlns:p14="http://schemas.microsoft.com/office/powerpoint/2010/main" val="3858366253"/>
      </p:ext>
    </p:extLst>
  </p:cSld>
  <p:clrMapOvr>
    <a:masterClrMapping/>
  </p:clrMapOvr>
  <p:transition spd="slow">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9AE902-FCC9-FAF4-7790-21278E9AEC20}"/>
              </a:ext>
            </a:extLst>
          </p:cNvPr>
          <p:cNvSpPr>
            <a:spLocks noGrp="1"/>
          </p:cNvSpPr>
          <p:nvPr>
            <p:ph type="title"/>
          </p:nvPr>
        </p:nvSpPr>
        <p:spPr>
          <a:xfrm>
            <a:off x="1016000" y="581441"/>
            <a:ext cx="7112000" cy="561560"/>
          </a:xfrm>
        </p:spPr>
        <p:txBody>
          <a:bodyPr/>
          <a:lstStyle/>
          <a:p>
            <a:r>
              <a:rPr lang="en-US" dirty="0">
                <a:solidFill>
                  <a:srgbClr val="002060"/>
                </a:solidFill>
              </a:rPr>
              <a:t>Summer of 2025: we are in a trilogue</a:t>
            </a:r>
            <a:endParaRPr lang="en-GB" dirty="0">
              <a:solidFill>
                <a:srgbClr val="002060"/>
              </a:solidFill>
            </a:endParaRPr>
          </a:p>
        </p:txBody>
      </p:sp>
      <p:sp>
        <p:nvSpPr>
          <p:cNvPr id="4" name="Slide Number Placeholder 3">
            <a:extLst>
              <a:ext uri="{FF2B5EF4-FFF2-40B4-BE49-F238E27FC236}">
                <a16:creationId xmlns:a16="http://schemas.microsoft.com/office/drawing/2014/main" id="{41619F8F-E470-DDD0-9C9E-E45D8A3DCA0B}"/>
              </a:ext>
            </a:extLst>
          </p:cNvPr>
          <p:cNvSpPr>
            <a:spLocks noGrp="1"/>
          </p:cNvSpPr>
          <p:nvPr>
            <p:ph type="sldNum" sz="quarter" idx="10"/>
          </p:nvPr>
        </p:nvSpPr>
        <p:spPr/>
        <p:txBody>
          <a:bodyPr/>
          <a:lstStyle/>
          <a:p>
            <a:fld id="{D0EF7201-F92F-4B08-8CD8-21667D02614A}" type="slidenum">
              <a:rPr lang="en-US" smtClean="0"/>
              <a:pPr/>
              <a:t>3</a:t>
            </a:fld>
            <a:endParaRPr lang="en-US" dirty="0"/>
          </a:p>
        </p:txBody>
      </p:sp>
      <p:sp>
        <p:nvSpPr>
          <p:cNvPr id="5" name="Date Placeholder 4">
            <a:extLst>
              <a:ext uri="{FF2B5EF4-FFF2-40B4-BE49-F238E27FC236}">
                <a16:creationId xmlns:a16="http://schemas.microsoft.com/office/drawing/2014/main" id="{5AB0262F-8FEC-72EB-108F-7AFDC0533C8D}"/>
              </a:ext>
            </a:extLst>
          </p:cNvPr>
          <p:cNvSpPr>
            <a:spLocks noGrp="1"/>
          </p:cNvSpPr>
          <p:nvPr>
            <p:ph type="dt" sz="half" idx="11"/>
          </p:nvPr>
        </p:nvSpPr>
        <p:spPr/>
        <p:txBody>
          <a:bodyPr/>
          <a:lstStyle/>
          <a:p>
            <a:fld id="{FC968453-BAB5-46CE-A4CF-38551120EE52}" type="datetime3">
              <a:rPr lang="en-US" smtClean="0"/>
              <a:t>4 September 2025</a:t>
            </a:fld>
            <a:endParaRPr lang="en-US" dirty="0"/>
          </a:p>
        </p:txBody>
      </p:sp>
      <p:sp>
        <p:nvSpPr>
          <p:cNvPr id="6" name="Footer Placeholder 5">
            <a:extLst>
              <a:ext uri="{FF2B5EF4-FFF2-40B4-BE49-F238E27FC236}">
                <a16:creationId xmlns:a16="http://schemas.microsoft.com/office/drawing/2014/main" id="{E6231E0F-E4AE-C3A1-AF1E-1D37917AB51B}"/>
              </a:ext>
            </a:extLst>
          </p:cNvPr>
          <p:cNvSpPr>
            <a:spLocks noGrp="1"/>
          </p:cNvSpPr>
          <p:nvPr>
            <p:ph type="ftr" sz="quarter" idx="12"/>
          </p:nvPr>
        </p:nvSpPr>
        <p:spPr/>
        <p:txBody>
          <a:bodyPr/>
          <a:lstStyle/>
          <a:p>
            <a:r>
              <a:rPr lang="en-US" dirty="0"/>
              <a:t>Add place via Insert, Header &amp; Footer</a:t>
            </a:r>
          </a:p>
        </p:txBody>
      </p:sp>
      <p:pic>
        <p:nvPicPr>
          <p:cNvPr id="7" name="Picture 6">
            <a:extLst>
              <a:ext uri="{FF2B5EF4-FFF2-40B4-BE49-F238E27FC236}">
                <a16:creationId xmlns:a16="http://schemas.microsoft.com/office/drawing/2014/main" id="{8A974CAB-80E1-D029-9E80-60E10CB1A699}"/>
              </a:ext>
            </a:extLst>
          </p:cNvPr>
          <p:cNvPicPr>
            <a:picLocks noChangeAspect="1"/>
          </p:cNvPicPr>
          <p:nvPr/>
        </p:nvPicPr>
        <p:blipFill>
          <a:blip r:embed="rId2"/>
          <a:stretch>
            <a:fillRect/>
          </a:stretch>
        </p:blipFill>
        <p:spPr>
          <a:xfrm>
            <a:off x="1701579" y="1232640"/>
            <a:ext cx="8603312" cy="5399219"/>
          </a:xfrm>
          <a:prstGeom prst="rect">
            <a:avLst/>
          </a:prstGeom>
          <a:ln>
            <a:solidFill>
              <a:srgbClr val="002060"/>
            </a:solidFill>
          </a:ln>
        </p:spPr>
      </p:pic>
    </p:spTree>
    <p:extLst>
      <p:ext uri="{BB962C8B-B14F-4D97-AF65-F5344CB8AC3E}">
        <p14:creationId xmlns:p14="http://schemas.microsoft.com/office/powerpoint/2010/main" val="2883284460"/>
      </p:ext>
    </p:extLst>
  </p:cSld>
  <p:clrMapOvr>
    <a:masterClrMapping/>
  </p:clrMapOvr>
  <p:transition spd="slow">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E5AA2D0E-31B4-0DDB-E400-4ABA31F14540}"/>
              </a:ext>
            </a:extLst>
          </p:cNvPr>
          <p:cNvSpPr/>
          <p:nvPr/>
        </p:nvSpPr>
        <p:spPr>
          <a:xfrm>
            <a:off x="6095999" y="0"/>
            <a:ext cx="6096001" cy="6858000"/>
          </a:xfrm>
          <a:prstGeom prst="rect">
            <a:avLst/>
          </a:prstGeom>
          <a:solidFill>
            <a:schemeClr val="tx2"/>
          </a:solidFill>
          <a:ln w="12700">
            <a:noFill/>
          </a:ln>
        </p:spPr>
        <p:style>
          <a:lnRef idx="3">
            <a:schemeClr val="lt1">
              <a:hueOff val="0"/>
              <a:satOff val="0"/>
              <a:lumOff val="0"/>
              <a:alphaOff val="0"/>
            </a:schemeClr>
          </a:lnRef>
          <a:fillRef idx="1">
            <a:scrgbClr r="0" g="0" b="0"/>
          </a:fillRef>
          <a:effectRef idx="1">
            <a:schemeClr val="accent2">
              <a:hueOff val="0"/>
              <a:satOff val="0"/>
              <a:lumOff val="0"/>
              <a:alphaOff val="0"/>
            </a:schemeClr>
          </a:effectRef>
          <a:fontRef idx="minor">
            <a:schemeClr val="lt1"/>
          </a:fontRef>
        </p:style>
        <p:txBody>
          <a:bodyPr spcFirstLastPara="0" vert="horz" wrap="square" lIns="0" tIns="0" rIns="0" bIns="0" numCol="1" spcCol="1270" rtlCol="0" anchor="ctr" anchorCtr="0">
            <a:noAutofit/>
          </a:bodyPr>
          <a:lstStyle/>
          <a:p>
            <a:pPr marL="0" indent="0" algn="ctr" defTabSz="488950">
              <a:spcBef>
                <a:spcPct val="0"/>
              </a:spcBef>
              <a:spcAft>
                <a:spcPts val="600"/>
              </a:spcAft>
              <a:buNone/>
            </a:pPr>
            <a:endParaRPr lang="en-US" sz="1200" b="1" kern="1200" dirty="0">
              <a:solidFill>
                <a:schemeClr val="tx1"/>
              </a:solidFill>
            </a:endParaRPr>
          </a:p>
        </p:txBody>
      </p:sp>
      <p:sp>
        <p:nvSpPr>
          <p:cNvPr id="2" name="Title 1">
            <a:extLst>
              <a:ext uri="{FF2B5EF4-FFF2-40B4-BE49-F238E27FC236}">
                <a16:creationId xmlns:a16="http://schemas.microsoft.com/office/drawing/2014/main" id="{CFFE88DE-9754-D502-9CEC-44CAA548E2DC}"/>
              </a:ext>
            </a:extLst>
          </p:cNvPr>
          <p:cNvSpPr>
            <a:spLocks noGrp="1"/>
          </p:cNvSpPr>
          <p:nvPr>
            <p:ph type="title"/>
          </p:nvPr>
        </p:nvSpPr>
        <p:spPr>
          <a:xfrm>
            <a:off x="850790" y="571501"/>
            <a:ext cx="5080000" cy="571500"/>
          </a:xfrm>
        </p:spPr>
        <p:txBody>
          <a:bodyPr/>
          <a:lstStyle/>
          <a:p>
            <a:r>
              <a:rPr lang="en-US" dirty="0">
                <a:solidFill>
                  <a:schemeClr val="tx2"/>
                </a:solidFill>
              </a:rPr>
              <a:t>Trust &amp; Check </a:t>
            </a:r>
          </a:p>
        </p:txBody>
      </p:sp>
      <p:sp>
        <p:nvSpPr>
          <p:cNvPr id="4" name="Date Placeholder 3">
            <a:extLst>
              <a:ext uri="{FF2B5EF4-FFF2-40B4-BE49-F238E27FC236}">
                <a16:creationId xmlns:a16="http://schemas.microsoft.com/office/drawing/2014/main" id="{9EAD6379-F391-56A9-2F11-42B6FFA227EC}"/>
              </a:ext>
            </a:extLst>
          </p:cNvPr>
          <p:cNvSpPr>
            <a:spLocks noGrp="1"/>
          </p:cNvSpPr>
          <p:nvPr>
            <p:ph type="dt" sz="half" idx="11"/>
          </p:nvPr>
        </p:nvSpPr>
        <p:spPr/>
        <p:txBody>
          <a:bodyPr/>
          <a:lstStyle/>
          <a:p>
            <a:fld id="{FC968453-BAB5-46CE-A4CF-38551120EE52}" type="datetime3">
              <a:rPr lang="en-US" smtClean="0"/>
              <a:t>4 September 2025</a:t>
            </a:fld>
            <a:endParaRPr lang="en-US" dirty="0"/>
          </a:p>
        </p:txBody>
      </p:sp>
      <p:sp>
        <p:nvSpPr>
          <p:cNvPr id="5" name="Footer Placeholder 4">
            <a:extLst>
              <a:ext uri="{FF2B5EF4-FFF2-40B4-BE49-F238E27FC236}">
                <a16:creationId xmlns:a16="http://schemas.microsoft.com/office/drawing/2014/main" id="{846594CE-5302-7A12-BE1A-508EA4858DE2}"/>
              </a:ext>
            </a:extLst>
          </p:cNvPr>
          <p:cNvSpPr>
            <a:spLocks noGrp="1"/>
          </p:cNvSpPr>
          <p:nvPr>
            <p:ph type="ftr" sz="quarter" idx="12"/>
          </p:nvPr>
        </p:nvSpPr>
        <p:spPr/>
        <p:txBody>
          <a:bodyPr/>
          <a:lstStyle/>
          <a:p>
            <a:r>
              <a:rPr lang="en-US" dirty="0"/>
              <a:t>Add place via Insert, Header &amp; Footer</a:t>
            </a:r>
          </a:p>
        </p:txBody>
      </p:sp>
      <p:sp>
        <p:nvSpPr>
          <p:cNvPr id="133" name="Slide Number Placeholder 2">
            <a:extLst>
              <a:ext uri="{FF2B5EF4-FFF2-40B4-BE49-F238E27FC236}">
                <a16:creationId xmlns:a16="http://schemas.microsoft.com/office/drawing/2014/main" id="{00AD68F1-1581-183C-9A20-09DAAE5D35FD}"/>
              </a:ext>
            </a:extLst>
          </p:cNvPr>
          <p:cNvSpPr>
            <a:spLocks noGrp="1"/>
          </p:cNvSpPr>
          <p:nvPr>
            <p:ph type="sldNum" sz="quarter" idx="10"/>
          </p:nvPr>
        </p:nvSpPr>
        <p:spPr>
          <a:xfrm>
            <a:off x="10160000" y="6159233"/>
            <a:ext cx="1016000" cy="127266"/>
          </a:xfrm>
        </p:spPr>
        <p:txBody>
          <a:bodyPr/>
          <a:lstStyle/>
          <a:p>
            <a:fld id="{D0EF7201-F92F-4B08-8CD8-21667D02614A}" type="slidenum">
              <a:rPr lang="en-US" smtClean="0">
                <a:solidFill>
                  <a:schemeClr val="bg1"/>
                </a:solidFill>
              </a:rPr>
              <a:pPr/>
              <a:t>4</a:t>
            </a:fld>
            <a:endParaRPr lang="en-US" dirty="0">
              <a:solidFill>
                <a:schemeClr val="bg1"/>
              </a:solidFill>
            </a:endParaRPr>
          </a:p>
        </p:txBody>
      </p:sp>
      <p:sp>
        <p:nvSpPr>
          <p:cNvPr id="27" name="TextBox 26">
            <a:extLst>
              <a:ext uri="{FF2B5EF4-FFF2-40B4-BE49-F238E27FC236}">
                <a16:creationId xmlns:a16="http://schemas.microsoft.com/office/drawing/2014/main" id="{78A709DD-1C4F-621D-E9EE-FA64CF28C8CD}"/>
              </a:ext>
            </a:extLst>
          </p:cNvPr>
          <p:cNvSpPr txBox="1"/>
          <p:nvPr/>
        </p:nvSpPr>
        <p:spPr>
          <a:xfrm>
            <a:off x="6299859" y="571501"/>
            <a:ext cx="5157123" cy="5847755"/>
          </a:xfrm>
          <a:prstGeom prst="rect">
            <a:avLst/>
          </a:prstGeom>
          <a:noFill/>
        </p:spPr>
        <p:txBody>
          <a:bodyPr wrap="square">
            <a:spAutoFit/>
          </a:bodyPr>
          <a:lstStyle/>
          <a:p>
            <a:pPr>
              <a:spcAft>
                <a:spcPts val="1800"/>
              </a:spcAft>
            </a:pPr>
            <a:r>
              <a:rPr lang="en-GB" sz="1600" i="1" dirty="0">
                <a:solidFill>
                  <a:schemeClr val="bg1"/>
                </a:solidFill>
              </a:rPr>
              <a:t>“The changes in the customs processes and the way of operating the customs authorities requires a new partnership with economic operators, that is the Trust and Check traders scheme. </a:t>
            </a:r>
          </a:p>
          <a:p>
            <a:pPr>
              <a:spcAft>
                <a:spcPts val="1800"/>
              </a:spcAft>
            </a:pPr>
            <a:r>
              <a:rPr lang="en-GB" sz="1600" i="1" dirty="0">
                <a:solidFill>
                  <a:schemeClr val="bg1"/>
                </a:solidFill>
              </a:rPr>
              <a:t>The criteria and conditions to become a Trust and Check trader should build on the AEO criteria but should also ensure that the trader is considered transparent for the customs authorities.</a:t>
            </a:r>
          </a:p>
          <a:p>
            <a:pPr>
              <a:spcAft>
                <a:spcPts val="1800"/>
              </a:spcAft>
            </a:pPr>
            <a:r>
              <a:rPr lang="en-GB" sz="1600" i="1" dirty="0">
                <a:solidFill>
                  <a:schemeClr val="bg1"/>
                </a:solidFill>
              </a:rPr>
              <a:t>It is therefore appropriate to require Trust and Check operators to grant the customs authorities access to their electronic systems keeping record of their compliance and the movement of their goods. </a:t>
            </a:r>
          </a:p>
          <a:p>
            <a:pPr>
              <a:spcAft>
                <a:spcPts val="1800"/>
              </a:spcAft>
            </a:pPr>
            <a:r>
              <a:rPr lang="en-US" sz="1600" i="1" dirty="0">
                <a:solidFill>
                  <a:schemeClr val="bg1"/>
                </a:solidFill>
              </a:rPr>
              <a:t>The transparency should be accompanied by certain benefits, notably the possibility to release the goods on behalf of customs without the necessity for their active intervention, (…) and to defer the payment of the customs debt.”</a:t>
            </a:r>
          </a:p>
          <a:p>
            <a:pPr>
              <a:spcAft>
                <a:spcPts val="1200"/>
              </a:spcAft>
            </a:pPr>
            <a:endParaRPr lang="en-US" sz="1600" dirty="0">
              <a:solidFill>
                <a:schemeClr val="bg1"/>
              </a:solidFill>
            </a:endParaRPr>
          </a:p>
          <a:p>
            <a:pPr>
              <a:spcAft>
                <a:spcPts val="1200"/>
              </a:spcAft>
            </a:pPr>
            <a:r>
              <a:rPr lang="en-US" sz="1600" dirty="0">
                <a:solidFill>
                  <a:schemeClr val="bg1"/>
                </a:solidFill>
              </a:rPr>
              <a:t>Recital 16 of the proposal</a:t>
            </a:r>
            <a:endParaRPr lang="en-GB" sz="1600" i="1" dirty="0">
              <a:solidFill>
                <a:schemeClr val="bg1"/>
              </a:solidFill>
            </a:endParaRPr>
          </a:p>
        </p:txBody>
      </p:sp>
      <p:sp>
        <p:nvSpPr>
          <p:cNvPr id="30" name="Freeform: Shape 29">
            <a:extLst>
              <a:ext uri="{FF2B5EF4-FFF2-40B4-BE49-F238E27FC236}">
                <a16:creationId xmlns:a16="http://schemas.microsoft.com/office/drawing/2014/main" id="{0C51D4C1-31DB-AE8A-BE1D-5584C2855ECC}"/>
              </a:ext>
            </a:extLst>
          </p:cNvPr>
          <p:cNvSpPr/>
          <p:nvPr/>
        </p:nvSpPr>
        <p:spPr>
          <a:xfrm>
            <a:off x="850790" y="1515718"/>
            <a:ext cx="4637411" cy="686204"/>
          </a:xfrm>
          <a:custGeom>
            <a:avLst/>
            <a:gdLst>
              <a:gd name="connsiteX0" fmla="*/ 0 w 5161279"/>
              <a:gd name="connsiteY0" fmla="*/ 0 h 686204"/>
              <a:gd name="connsiteX1" fmla="*/ 5161279 w 5161279"/>
              <a:gd name="connsiteY1" fmla="*/ 0 h 686204"/>
              <a:gd name="connsiteX2" fmla="*/ 5161279 w 5161279"/>
              <a:gd name="connsiteY2" fmla="*/ 686204 h 686204"/>
              <a:gd name="connsiteX3" fmla="*/ 0 w 5161279"/>
              <a:gd name="connsiteY3" fmla="*/ 686204 h 686204"/>
              <a:gd name="connsiteX4" fmla="*/ 0 w 5161279"/>
              <a:gd name="connsiteY4" fmla="*/ 0 h 68620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1279" h="686204">
                <a:moveTo>
                  <a:pt x="0" y="0"/>
                </a:moveTo>
                <a:lnTo>
                  <a:pt x="5161279" y="0"/>
                </a:lnTo>
                <a:lnTo>
                  <a:pt x="5161279" y="686204"/>
                </a:lnTo>
                <a:lnTo>
                  <a:pt x="0" y="686204"/>
                </a:lnTo>
                <a:lnTo>
                  <a:pt x="0" y="0"/>
                </a:lnTo>
                <a:close/>
              </a:path>
            </a:pathLst>
          </a:custGeom>
          <a:noFill/>
          <a:ln>
            <a:noFill/>
          </a:ln>
        </p:spPr>
        <p:style>
          <a:lnRef idx="0">
            <a:scrgbClr r="0" g="0" b="0"/>
          </a:lnRef>
          <a:fillRef idx="0">
            <a:scrgbClr r="0" g="0" b="0"/>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0" tIns="0" rIns="0" bIns="0" numCol="1" spcCol="1270" anchor="t" anchorCtr="0">
            <a:noAutofit/>
          </a:bodyPr>
          <a:lstStyle/>
          <a:p>
            <a:pPr marL="0" lvl="1" algn="l" defTabSz="466725">
              <a:lnSpc>
                <a:spcPct val="90000"/>
              </a:lnSpc>
              <a:spcBef>
                <a:spcPct val="0"/>
              </a:spcBef>
              <a:spcAft>
                <a:spcPts val="1800"/>
              </a:spcAft>
            </a:pPr>
            <a:r>
              <a:rPr lang="en-GB" sz="1600" dirty="0">
                <a:solidFill>
                  <a:srgbClr val="002060"/>
                </a:solidFill>
              </a:rPr>
              <a:t>AEO S, AEO C, AEO F (S+C)</a:t>
            </a:r>
          </a:p>
          <a:p>
            <a:pPr marL="0" lvl="1" algn="l" defTabSz="466725">
              <a:lnSpc>
                <a:spcPct val="90000"/>
              </a:lnSpc>
              <a:spcBef>
                <a:spcPct val="0"/>
              </a:spcBef>
              <a:spcAft>
                <a:spcPts val="1800"/>
              </a:spcAft>
            </a:pPr>
            <a:r>
              <a:rPr lang="en-US" sz="1600" dirty="0">
                <a:solidFill>
                  <a:srgbClr val="002060"/>
                </a:solidFill>
              </a:rPr>
              <a:t>Trust and Check</a:t>
            </a:r>
          </a:p>
          <a:p>
            <a:pPr marL="285750" lvl="1" indent="-285750" algn="l" defTabSz="466725">
              <a:lnSpc>
                <a:spcPct val="90000"/>
              </a:lnSpc>
              <a:spcBef>
                <a:spcPct val="0"/>
              </a:spcBef>
              <a:spcAft>
                <a:spcPts val="1800"/>
              </a:spcAft>
              <a:buFontTx/>
              <a:buChar char="-"/>
            </a:pPr>
            <a:r>
              <a:rPr lang="en-US" sz="1600" dirty="0">
                <a:solidFill>
                  <a:srgbClr val="002060"/>
                </a:solidFill>
              </a:rPr>
              <a:t>New way of working with the authorities</a:t>
            </a:r>
          </a:p>
          <a:p>
            <a:pPr marL="285750" lvl="1" indent="-285750" algn="l" defTabSz="466725">
              <a:lnSpc>
                <a:spcPct val="90000"/>
              </a:lnSpc>
              <a:spcBef>
                <a:spcPct val="0"/>
              </a:spcBef>
              <a:spcAft>
                <a:spcPts val="1800"/>
              </a:spcAft>
              <a:buFontTx/>
              <a:buChar char="-"/>
            </a:pPr>
            <a:r>
              <a:rPr lang="en-US" sz="1600" dirty="0">
                <a:solidFill>
                  <a:srgbClr val="002060"/>
                </a:solidFill>
              </a:rPr>
              <a:t>New requirements: making available to the customs authorities in real-time all data on the movement of the goods </a:t>
            </a:r>
          </a:p>
          <a:p>
            <a:pPr marL="285750" lvl="1" indent="-285750" algn="l" defTabSz="466725">
              <a:lnSpc>
                <a:spcPct val="90000"/>
              </a:lnSpc>
              <a:spcBef>
                <a:spcPct val="0"/>
              </a:spcBef>
              <a:spcAft>
                <a:spcPts val="1800"/>
              </a:spcAft>
              <a:buFontTx/>
              <a:buChar char="-"/>
            </a:pPr>
            <a:r>
              <a:rPr lang="en-US" sz="1600" dirty="0">
                <a:solidFill>
                  <a:srgbClr val="002060"/>
                </a:solidFill>
              </a:rPr>
              <a:t>Includes customs but also transport and logistics data</a:t>
            </a:r>
          </a:p>
          <a:p>
            <a:pPr marL="285750" lvl="1" indent="-285750" algn="l" defTabSz="466725">
              <a:lnSpc>
                <a:spcPct val="90000"/>
              </a:lnSpc>
              <a:spcBef>
                <a:spcPct val="0"/>
              </a:spcBef>
              <a:spcAft>
                <a:spcPts val="1800"/>
              </a:spcAft>
              <a:buFontTx/>
              <a:buChar char="-"/>
            </a:pPr>
            <a:r>
              <a:rPr lang="en-US" sz="1600" dirty="0">
                <a:solidFill>
                  <a:srgbClr val="002060"/>
                </a:solidFill>
              </a:rPr>
              <a:t>Additional benefits: the possibility to give part of the data on the goods after the release, self-assessment, self-release, deferred payment</a:t>
            </a:r>
          </a:p>
          <a:p>
            <a:pPr marL="285750" lvl="1" indent="-285750" algn="l" defTabSz="466725">
              <a:lnSpc>
                <a:spcPct val="90000"/>
              </a:lnSpc>
              <a:spcBef>
                <a:spcPct val="0"/>
              </a:spcBef>
              <a:spcAft>
                <a:spcPts val="1800"/>
              </a:spcAft>
              <a:buFontTx/>
              <a:buChar char="-"/>
            </a:pPr>
            <a:endParaRPr lang="en-US" sz="1600" dirty="0">
              <a:solidFill>
                <a:srgbClr val="002060"/>
              </a:solidFill>
            </a:endParaRPr>
          </a:p>
          <a:p>
            <a:pPr marL="285750" lvl="1" indent="-285750" algn="l" defTabSz="466725">
              <a:lnSpc>
                <a:spcPct val="90000"/>
              </a:lnSpc>
              <a:spcBef>
                <a:spcPct val="0"/>
              </a:spcBef>
              <a:spcAft>
                <a:spcPts val="1800"/>
              </a:spcAft>
              <a:buFontTx/>
              <a:buChar char="-"/>
            </a:pPr>
            <a:endParaRPr lang="en-US" sz="1600" dirty="0">
              <a:solidFill>
                <a:srgbClr val="002060"/>
              </a:solidFill>
            </a:endParaRPr>
          </a:p>
        </p:txBody>
      </p:sp>
    </p:spTree>
    <p:extLst>
      <p:ext uri="{BB962C8B-B14F-4D97-AF65-F5344CB8AC3E}">
        <p14:creationId xmlns:p14="http://schemas.microsoft.com/office/powerpoint/2010/main" val="1560493964"/>
      </p:ext>
    </p:extLst>
  </p:cSld>
  <p:clrMapOvr>
    <a:masterClrMapping/>
  </p:clrMapOvr>
  <p:transition spd="slow">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F98AF8C7-8893-880C-129D-8AF4145ACD63}"/>
              </a:ext>
            </a:extLst>
          </p:cNvPr>
          <p:cNvPicPr>
            <a:picLocks noChangeAspect="1"/>
          </p:cNvPicPr>
          <p:nvPr/>
        </p:nvPicPr>
        <p:blipFill rotWithShape="1">
          <a:blip r:embed="rId3">
            <a:extLst>
              <a:ext uri="{BEBA8EAE-BF5A-486C-A8C5-ECC9F3942E4B}">
                <a14:imgProps xmlns:a14="http://schemas.microsoft.com/office/drawing/2010/main">
                  <a14:imgLayer r:embed="rId4">
                    <a14:imgEffect>
                      <a14:brightnessContrast bright="-20000"/>
                    </a14:imgEffect>
                  </a14:imgLayer>
                </a14:imgProps>
              </a:ext>
              <a:ext uri="{28A0092B-C50C-407E-A947-70E740481C1C}">
                <a14:useLocalDpi xmlns:a14="http://schemas.microsoft.com/office/drawing/2010/main" val="0"/>
              </a:ext>
            </a:extLst>
          </a:blip>
          <a:srcRect t="42916" r="16120" b="39397"/>
          <a:stretch/>
        </p:blipFill>
        <p:spPr>
          <a:xfrm>
            <a:off x="0" y="0"/>
            <a:ext cx="12192000" cy="1714500"/>
          </a:xfrm>
          <a:prstGeom prst="rect">
            <a:avLst/>
          </a:prstGeom>
        </p:spPr>
      </p:pic>
      <p:sp>
        <p:nvSpPr>
          <p:cNvPr id="2" name="Title 1">
            <a:extLst>
              <a:ext uri="{FF2B5EF4-FFF2-40B4-BE49-F238E27FC236}">
                <a16:creationId xmlns:a16="http://schemas.microsoft.com/office/drawing/2014/main" id="{FE498B51-1313-323B-1280-D37F9E5C94F8}"/>
              </a:ext>
            </a:extLst>
          </p:cNvPr>
          <p:cNvSpPr>
            <a:spLocks noGrp="1"/>
          </p:cNvSpPr>
          <p:nvPr>
            <p:ph type="title"/>
          </p:nvPr>
        </p:nvSpPr>
        <p:spPr>
          <a:xfrm>
            <a:off x="1016000" y="571501"/>
            <a:ext cx="10160000" cy="1143000"/>
          </a:xfrm>
        </p:spPr>
        <p:txBody>
          <a:bodyPr/>
          <a:lstStyle/>
          <a:p>
            <a:r>
              <a:rPr lang="en-US" dirty="0">
                <a:solidFill>
                  <a:schemeClr val="bg1"/>
                </a:solidFill>
              </a:rPr>
              <a:t>Trust and Check for freight forwarders and customs brokers?</a:t>
            </a:r>
          </a:p>
        </p:txBody>
      </p:sp>
      <p:sp>
        <p:nvSpPr>
          <p:cNvPr id="4" name="Date Placeholder 3">
            <a:extLst>
              <a:ext uri="{FF2B5EF4-FFF2-40B4-BE49-F238E27FC236}">
                <a16:creationId xmlns:a16="http://schemas.microsoft.com/office/drawing/2014/main" id="{FD3D1A3B-BCDC-35E7-2AC6-28BF3B1B7BC8}"/>
              </a:ext>
            </a:extLst>
          </p:cNvPr>
          <p:cNvSpPr>
            <a:spLocks noGrp="1"/>
          </p:cNvSpPr>
          <p:nvPr>
            <p:ph type="dt" sz="half" idx="11"/>
          </p:nvPr>
        </p:nvSpPr>
        <p:spPr>
          <a:xfrm>
            <a:off x="0" y="6858000"/>
            <a:ext cx="0" cy="0"/>
          </a:xfrm>
        </p:spPr>
        <p:txBody>
          <a:bodyPr/>
          <a:lstStyle/>
          <a:p>
            <a:fld id="{FC968453-BAB5-46CE-A4CF-38551120EE52}" type="datetime3">
              <a:rPr lang="en-US" smtClean="0"/>
              <a:pPr/>
              <a:t>4 September 2025</a:t>
            </a:fld>
            <a:endParaRPr lang="en-US" dirty="0"/>
          </a:p>
        </p:txBody>
      </p:sp>
      <p:sp>
        <p:nvSpPr>
          <p:cNvPr id="5" name="Footer Placeholder 4">
            <a:extLst>
              <a:ext uri="{FF2B5EF4-FFF2-40B4-BE49-F238E27FC236}">
                <a16:creationId xmlns:a16="http://schemas.microsoft.com/office/drawing/2014/main" id="{4E7607CA-FC8D-287F-92CF-2F460FD97EB4}"/>
              </a:ext>
            </a:extLst>
          </p:cNvPr>
          <p:cNvSpPr>
            <a:spLocks noGrp="1"/>
          </p:cNvSpPr>
          <p:nvPr>
            <p:ph type="ftr" sz="quarter" idx="12"/>
          </p:nvPr>
        </p:nvSpPr>
        <p:spPr>
          <a:xfrm>
            <a:off x="0" y="6858000"/>
            <a:ext cx="0" cy="0"/>
          </a:xfrm>
        </p:spPr>
        <p:txBody>
          <a:bodyPr/>
          <a:lstStyle/>
          <a:p>
            <a:r>
              <a:rPr lang="en-US" dirty="0"/>
              <a:t>Add place via Insert, Header &amp; Footer</a:t>
            </a:r>
          </a:p>
        </p:txBody>
      </p:sp>
      <p:sp>
        <p:nvSpPr>
          <p:cNvPr id="8" name="TextBox 7">
            <a:extLst>
              <a:ext uri="{FF2B5EF4-FFF2-40B4-BE49-F238E27FC236}">
                <a16:creationId xmlns:a16="http://schemas.microsoft.com/office/drawing/2014/main" id="{8C35B999-ADEA-9C25-97E7-7254D71B81DE}"/>
              </a:ext>
            </a:extLst>
          </p:cNvPr>
          <p:cNvSpPr txBox="1"/>
          <p:nvPr/>
        </p:nvSpPr>
        <p:spPr>
          <a:xfrm>
            <a:off x="593697" y="2366799"/>
            <a:ext cx="11004605" cy="4001095"/>
          </a:xfrm>
          <a:prstGeom prst="rect">
            <a:avLst/>
          </a:prstGeom>
          <a:noFill/>
        </p:spPr>
        <p:txBody>
          <a:bodyPr wrap="square">
            <a:spAutoFit/>
          </a:bodyPr>
          <a:lstStyle/>
          <a:p>
            <a:r>
              <a:rPr lang="en-US" i="1" dirty="0">
                <a:solidFill>
                  <a:schemeClr val="tx2"/>
                </a:solidFill>
              </a:rPr>
              <a:t>“CLECAT doubts most SME importers will invest in their IT and other systems to obtain the status of T&amp;C trader as they may prefer to outsource their customs affairs to intermediaries, given that they often neither possess the necessary expertise, nor inhouse human resources. CLECAT foresees that many SME’s will not become T&amp;C, and as such will not benefit from any of the current facilitations when they make use of a customs intermediary.</a:t>
            </a:r>
          </a:p>
          <a:p>
            <a:endParaRPr lang="en-US" i="1" dirty="0">
              <a:solidFill>
                <a:schemeClr val="tx2"/>
              </a:solidFill>
            </a:endParaRPr>
          </a:p>
          <a:p>
            <a:r>
              <a:rPr lang="en-US" i="1" dirty="0">
                <a:solidFill>
                  <a:schemeClr val="tx2"/>
                </a:solidFill>
              </a:rPr>
              <a:t>CLECAT calls on the EU policy makers to allow customs representatives acting under direct or indirect representation to extend their facilitations, including their T&amp;C status, to non-T&amp;C economic operators. Especially in cases where the importer occasionally imports goods or due to the size of his organization is incapable of fulfilling the demands of T&amp;C, the importer should be able to rely on and benefit from the T&amp;C facilitations granted to his representative.”</a:t>
            </a:r>
          </a:p>
          <a:p>
            <a:endParaRPr lang="en-US" sz="1400" dirty="0">
              <a:solidFill>
                <a:schemeClr val="tx2"/>
              </a:solidFill>
            </a:endParaRPr>
          </a:p>
          <a:p>
            <a:r>
              <a:rPr lang="en-US" sz="1400" dirty="0">
                <a:solidFill>
                  <a:schemeClr val="tx2"/>
                </a:solidFill>
              </a:rPr>
              <a:t>CLECAT Position Paper on the Customs Reform 2023</a:t>
            </a:r>
          </a:p>
          <a:p>
            <a:r>
              <a:rPr lang="en-US" sz="1400" dirty="0">
                <a:solidFill>
                  <a:schemeClr val="tx2"/>
                </a:solidFill>
              </a:rPr>
              <a:t>https://www.clecat.org/media/clecat-pp-customs-reform-2023-.pdf</a:t>
            </a:r>
          </a:p>
          <a:p>
            <a:endParaRPr lang="en-GB" sz="1400" dirty="0">
              <a:solidFill>
                <a:schemeClr val="tx2"/>
              </a:solidFill>
            </a:endParaRPr>
          </a:p>
        </p:txBody>
      </p:sp>
    </p:spTree>
    <p:extLst>
      <p:ext uri="{BB962C8B-B14F-4D97-AF65-F5344CB8AC3E}">
        <p14:creationId xmlns:p14="http://schemas.microsoft.com/office/powerpoint/2010/main" val="1391114134"/>
      </p:ext>
    </p:extLst>
  </p:cSld>
  <p:clrMapOvr>
    <a:masterClrMapping/>
  </p:clrMapOvr>
  <p:transition spd="slow">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C9A64F-B362-9C95-3F98-ED780BF53790}"/>
            </a:ext>
          </a:extLst>
        </p:cNvPr>
        <p:cNvGrpSpPr/>
        <p:nvPr/>
      </p:nvGrpSpPr>
      <p:grpSpPr>
        <a:xfrm>
          <a:off x="0" y="0"/>
          <a:ext cx="0" cy="0"/>
          <a:chOff x="0" y="0"/>
          <a:chExt cx="0" cy="0"/>
        </a:xfrm>
      </p:grpSpPr>
      <p:pic>
        <p:nvPicPr>
          <p:cNvPr id="161" name="Picture 160" descr="A group of people standing around a table&#10;&#10;AI-generated content may be incorrect.">
            <a:extLst>
              <a:ext uri="{FF2B5EF4-FFF2-40B4-BE49-F238E27FC236}">
                <a16:creationId xmlns:a16="http://schemas.microsoft.com/office/drawing/2014/main" id="{88686209-49A2-B33A-E31F-972CB6FBA7D9}"/>
              </a:ext>
            </a:extLst>
          </p:cNvPr>
          <p:cNvPicPr>
            <a:picLocks noChangeAspect="1"/>
          </p:cNvPicPr>
          <p:nvPr/>
        </p:nvPicPr>
        <p:blipFill>
          <a:blip r:embed="rId2" cstate="screen">
            <a:extLst>
              <a:ext uri="{28A0092B-C50C-407E-A947-70E740481C1C}">
                <a14:useLocalDpi xmlns:a14="http://schemas.microsoft.com/office/drawing/2010/main"/>
              </a:ext>
            </a:extLst>
          </a:blip>
          <a:srcRect l="21749" r="30904"/>
          <a:stretch>
            <a:fillRect/>
          </a:stretch>
        </p:blipFill>
        <p:spPr>
          <a:xfrm flipH="1">
            <a:off x="7329636" y="-152412"/>
            <a:ext cx="4862362" cy="7010411"/>
          </a:xfrm>
          <a:prstGeom prst="rect">
            <a:avLst/>
          </a:prstGeom>
        </p:spPr>
      </p:pic>
      <p:sp>
        <p:nvSpPr>
          <p:cNvPr id="7" name="Title 6">
            <a:extLst>
              <a:ext uri="{FF2B5EF4-FFF2-40B4-BE49-F238E27FC236}">
                <a16:creationId xmlns:a16="http://schemas.microsoft.com/office/drawing/2014/main" id="{434A85F7-5DD0-BDEF-2A06-A45EC0390861}"/>
              </a:ext>
            </a:extLst>
          </p:cNvPr>
          <p:cNvSpPr>
            <a:spLocks noGrp="1"/>
          </p:cNvSpPr>
          <p:nvPr>
            <p:ph type="title"/>
          </p:nvPr>
        </p:nvSpPr>
        <p:spPr>
          <a:xfrm>
            <a:off x="1016000" y="571501"/>
            <a:ext cx="5080000" cy="571500"/>
          </a:xfrm>
        </p:spPr>
        <p:txBody>
          <a:bodyPr/>
          <a:lstStyle/>
          <a:p>
            <a:r>
              <a:rPr lang="en-US" dirty="0">
                <a:solidFill>
                  <a:schemeClr val="tx2"/>
                </a:solidFill>
              </a:rPr>
              <a:t>The debate continued…</a:t>
            </a:r>
          </a:p>
        </p:txBody>
      </p:sp>
      <p:sp>
        <p:nvSpPr>
          <p:cNvPr id="5" name="Date Placeholder 4">
            <a:extLst>
              <a:ext uri="{FF2B5EF4-FFF2-40B4-BE49-F238E27FC236}">
                <a16:creationId xmlns:a16="http://schemas.microsoft.com/office/drawing/2014/main" id="{7A9FBBE4-D583-857F-57AE-2B946BD5F567}"/>
              </a:ext>
            </a:extLst>
          </p:cNvPr>
          <p:cNvSpPr>
            <a:spLocks noGrp="1"/>
          </p:cNvSpPr>
          <p:nvPr>
            <p:ph type="dt" sz="half" idx="11"/>
          </p:nvPr>
        </p:nvSpPr>
        <p:spPr/>
        <p:txBody>
          <a:bodyPr/>
          <a:lstStyle/>
          <a:p>
            <a:fld id="{FC968453-BAB5-46CE-A4CF-38551120EE52}" type="datetime3">
              <a:rPr lang="en-US" smtClean="0"/>
              <a:t>4 September 2025</a:t>
            </a:fld>
            <a:endParaRPr lang="en-US" dirty="0"/>
          </a:p>
        </p:txBody>
      </p:sp>
      <p:sp>
        <p:nvSpPr>
          <p:cNvPr id="6" name="Footer Placeholder 5">
            <a:extLst>
              <a:ext uri="{FF2B5EF4-FFF2-40B4-BE49-F238E27FC236}">
                <a16:creationId xmlns:a16="http://schemas.microsoft.com/office/drawing/2014/main" id="{BF681411-79CF-CB73-8D54-13BCF8858F9D}"/>
              </a:ext>
            </a:extLst>
          </p:cNvPr>
          <p:cNvSpPr>
            <a:spLocks noGrp="1"/>
          </p:cNvSpPr>
          <p:nvPr>
            <p:ph type="ftr" sz="quarter" idx="12"/>
          </p:nvPr>
        </p:nvSpPr>
        <p:spPr/>
        <p:txBody>
          <a:bodyPr/>
          <a:lstStyle/>
          <a:p>
            <a:r>
              <a:rPr lang="en-US" dirty="0"/>
              <a:t>Add place via Insert, Header &amp; Footer</a:t>
            </a:r>
          </a:p>
        </p:txBody>
      </p:sp>
      <p:grpSp>
        <p:nvGrpSpPr>
          <p:cNvPr id="23" name="Group 22">
            <a:extLst>
              <a:ext uri="{FF2B5EF4-FFF2-40B4-BE49-F238E27FC236}">
                <a16:creationId xmlns:a16="http://schemas.microsoft.com/office/drawing/2014/main" id="{5AAFF80A-C02A-8A80-83AC-8912D01852D1}"/>
              </a:ext>
            </a:extLst>
          </p:cNvPr>
          <p:cNvGrpSpPr/>
          <p:nvPr/>
        </p:nvGrpSpPr>
        <p:grpSpPr>
          <a:xfrm>
            <a:off x="1269921" y="1208836"/>
            <a:ext cx="5664279" cy="983424"/>
            <a:chOff x="1020723" y="2011489"/>
            <a:chExt cx="5664279" cy="983424"/>
          </a:xfrm>
        </p:grpSpPr>
        <p:sp>
          <p:nvSpPr>
            <p:cNvPr id="10" name="Freeform: Shape 9">
              <a:extLst>
                <a:ext uri="{FF2B5EF4-FFF2-40B4-BE49-F238E27FC236}">
                  <a16:creationId xmlns:a16="http://schemas.microsoft.com/office/drawing/2014/main" id="{872861EA-F7A1-ABF7-C9DB-11207FC8B4C9}"/>
                </a:ext>
              </a:extLst>
            </p:cNvPr>
            <p:cNvSpPr/>
            <p:nvPr/>
          </p:nvSpPr>
          <p:spPr>
            <a:xfrm>
              <a:off x="1020723" y="2308709"/>
              <a:ext cx="5664279" cy="686204"/>
            </a:xfrm>
            <a:custGeom>
              <a:avLst/>
              <a:gdLst>
                <a:gd name="connsiteX0" fmla="*/ 0 w 5161279"/>
                <a:gd name="connsiteY0" fmla="*/ 0 h 686204"/>
                <a:gd name="connsiteX1" fmla="*/ 5161279 w 5161279"/>
                <a:gd name="connsiteY1" fmla="*/ 0 h 686204"/>
                <a:gd name="connsiteX2" fmla="*/ 5161279 w 5161279"/>
                <a:gd name="connsiteY2" fmla="*/ 686204 h 686204"/>
                <a:gd name="connsiteX3" fmla="*/ 0 w 5161279"/>
                <a:gd name="connsiteY3" fmla="*/ 686204 h 686204"/>
                <a:gd name="connsiteX4" fmla="*/ 0 w 5161279"/>
                <a:gd name="connsiteY4" fmla="*/ 0 h 68620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1279" h="686204">
                  <a:moveTo>
                    <a:pt x="0" y="0"/>
                  </a:moveTo>
                  <a:lnTo>
                    <a:pt x="5161279" y="0"/>
                  </a:lnTo>
                  <a:lnTo>
                    <a:pt x="5161279" y="686204"/>
                  </a:lnTo>
                  <a:lnTo>
                    <a:pt x="0" y="686204"/>
                  </a:lnTo>
                  <a:lnTo>
                    <a:pt x="0" y="0"/>
                  </a:lnTo>
                  <a:close/>
                </a:path>
              </a:pathLst>
            </a:custGeom>
            <a:noFill/>
            <a:ln>
              <a:noFill/>
            </a:ln>
          </p:spPr>
          <p:style>
            <a:lnRef idx="0">
              <a:scrgbClr r="0" g="0" b="0"/>
            </a:lnRef>
            <a:fillRef idx="0">
              <a:scrgbClr r="0" g="0" b="0"/>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0" tIns="0" rIns="0" bIns="0" numCol="1" spcCol="1270" anchor="t" anchorCtr="0">
              <a:noAutofit/>
            </a:bodyPr>
            <a:lstStyle/>
            <a:p>
              <a:pPr marL="0" lvl="1" algn="l" defTabSz="466725">
                <a:lnSpc>
                  <a:spcPct val="90000"/>
                </a:lnSpc>
                <a:spcBef>
                  <a:spcPct val="0"/>
                </a:spcBef>
                <a:spcAft>
                  <a:spcPct val="20000"/>
                </a:spcAft>
              </a:pPr>
              <a:r>
                <a:rPr lang="en-US" sz="1400" i="1" kern="1200" dirty="0">
                  <a:solidFill>
                    <a:srgbClr val="002060"/>
                  </a:solidFill>
                </a:rPr>
                <a:t>It is expected that current AEO can qualify for this model to benefit from simpler procedures. They may have a transition advantage as they already comply with strict requirements. In that respect, it is worth noting that 60 to 70% of current AEO are micro, small or medium sized companies and that on average 75% of international trade is handled through AEOs.</a:t>
              </a:r>
            </a:p>
            <a:p>
              <a:pPr marL="0" lvl="1" algn="l" defTabSz="466725">
                <a:lnSpc>
                  <a:spcPct val="90000"/>
                </a:lnSpc>
                <a:spcBef>
                  <a:spcPct val="0"/>
                </a:spcBef>
                <a:spcAft>
                  <a:spcPct val="20000"/>
                </a:spcAft>
              </a:pPr>
              <a:r>
                <a:rPr lang="en-US" sz="1000" kern="1200" dirty="0">
                  <a:solidFill>
                    <a:srgbClr val="002060"/>
                  </a:solidFill>
                </a:rPr>
                <a:t>https://eur-lex.europa.eu/legal-content/EN/TXT/?uri=CELEX%3A52023SC0140&amp;qid=1684913437758</a:t>
              </a:r>
            </a:p>
            <a:p>
              <a:pPr marL="171450" lvl="1" indent="-171450" algn="l" defTabSz="466725">
                <a:lnSpc>
                  <a:spcPct val="90000"/>
                </a:lnSpc>
                <a:spcBef>
                  <a:spcPct val="0"/>
                </a:spcBef>
                <a:spcAft>
                  <a:spcPct val="20000"/>
                </a:spcAft>
                <a:buFont typeface="Arial" panose="020B0604020202020204" pitchFamily="34" charset="0"/>
                <a:buChar char="•"/>
              </a:pPr>
              <a:endParaRPr lang="en-US" sz="1050" kern="1200" dirty="0">
                <a:solidFill>
                  <a:schemeClr val="tx1"/>
                </a:solidFill>
              </a:endParaRPr>
            </a:p>
          </p:txBody>
        </p:sp>
        <p:sp>
          <p:nvSpPr>
            <p:cNvPr id="14" name="TextBox 13">
              <a:extLst>
                <a:ext uri="{FF2B5EF4-FFF2-40B4-BE49-F238E27FC236}">
                  <a16:creationId xmlns:a16="http://schemas.microsoft.com/office/drawing/2014/main" id="{9D666FBF-6E27-01AF-4DB2-134A0DA7FD97}"/>
                </a:ext>
              </a:extLst>
            </p:cNvPr>
            <p:cNvSpPr txBox="1"/>
            <p:nvPr/>
          </p:nvSpPr>
          <p:spPr>
            <a:xfrm>
              <a:off x="1020723" y="2011489"/>
              <a:ext cx="3306739" cy="193899"/>
            </a:xfrm>
            <a:prstGeom prst="rect">
              <a:avLst/>
            </a:prstGeom>
            <a:noFill/>
          </p:spPr>
          <p:txBody>
            <a:bodyPr wrap="none" lIns="0" tIns="0" rIns="0" bIns="0">
              <a:spAutoFit/>
            </a:bodyPr>
            <a:lstStyle/>
            <a:p>
              <a:pPr marL="0" lvl="0" indent="0" algn="l" defTabSz="533400">
                <a:lnSpc>
                  <a:spcPct val="90000"/>
                </a:lnSpc>
                <a:spcBef>
                  <a:spcPct val="0"/>
                </a:spcBef>
                <a:spcAft>
                  <a:spcPct val="35000"/>
                </a:spcAft>
                <a:buNone/>
              </a:pPr>
              <a:r>
                <a:rPr lang="en-US" sz="1400" b="1" dirty="0">
                  <a:solidFill>
                    <a:schemeClr val="accent1"/>
                  </a:solidFill>
                </a:rPr>
                <a:t>Commission Impact Assessment p 6.7 </a:t>
              </a:r>
              <a:endParaRPr lang="en-US" sz="1400" b="1" kern="1200" dirty="0">
                <a:solidFill>
                  <a:schemeClr val="accent1"/>
                </a:solidFill>
              </a:endParaRPr>
            </a:p>
          </p:txBody>
        </p:sp>
      </p:grpSp>
      <p:grpSp>
        <p:nvGrpSpPr>
          <p:cNvPr id="22" name="Group 21">
            <a:extLst>
              <a:ext uri="{FF2B5EF4-FFF2-40B4-BE49-F238E27FC236}">
                <a16:creationId xmlns:a16="http://schemas.microsoft.com/office/drawing/2014/main" id="{746C1EAA-FA1A-3BBF-2FA8-A5751ED33C4C}"/>
              </a:ext>
            </a:extLst>
          </p:cNvPr>
          <p:cNvGrpSpPr/>
          <p:nvPr/>
        </p:nvGrpSpPr>
        <p:grpSpPr>
          <a:xfrm>
            <a:off x="1269921" y="3194249"/>
            <a:ext cx="5778579" cy="1229755"/>
            <a:chOff x="1020723" y="3333324"/>
            <a:chExt cx="4991944" cy="1229755"/>
          </a:xfrm>
        </p:grpSpPr>
        <p:sp>
          <p:nvSpPr>
            <p:cNvPr id="11" name="Freeform: Shape 10">
              <a:extLst>
                <a:ext uri="{FF2B5EF4-FFF2-40B4-BE49-F238E27FC236}">
                  <a16:creationId xmlns:a16="http://schemas.microsoft.com/office/drawing/2014/main" id="{C6336243-AF75-E61E-61A8-6065A4F9CDE1}"/>
                </a:ext>
              </a:extLst>
            </p:cNvPr>
            <p:cNvSpPr/>
            <p:nvPr/>
          </p:nvSpPr>
          <p:spPr>
            <a:xfrm>
              <a:off x="1020724" y="3630544"/>
              <a:ext cx="4991943" cy="932535"/>
            </a:xfrm>
            <a:custGeom>
              <a:avLst/>
              <a:gdLst>
                <a:gd name="connsiteX0" fmla="*/ 0 w 5161279"/>
                <a:gd name="connsiteY0" fmla="*/ 0 h 932535"/>
                <a:gd name="connsiteX1" fmla="*/ 5161279 w 5161279"/>
                <a:gd name="connsiteY1" fmla="*/ 0 h 932535"/>
                <a:gd name="connsiteX2" fmla="*/ 5161279 w 5161279"/>
                <a:gd name="connsiteY2" fmla="*/ 932535 h 932535"/>
                <a:gd name="connsiteX3" fmla="*/ 0 w 5161279"/>
                <a:gd name="connsiteY3" fmla="*/ 932535 h 932535"/>
                <a:gd name="connsiteX4" fmla="*/ 0 w 5161279"/>
                <a:gd name="connsiteY4" fmla="*/ 0 h 93253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1279" h="932535">
                  <a:moveTo>
                    <a:pt x="0" y="0"/>
                  </a:moveTo>
                  <a:lnTo>
                    <a:pt x="5161279" y="0"/>
                  </a:lnTo>
                  <a:lnTo>
                    <a:pt x="5161279" y="932535"/>
                  </a:lnTo>
                  <a:lnTo>
                    <a:pt x="0" y="932535"/>
                  </a:lnTo>
                  <a:lnTo>
                    <a:pt x="0" y="0"/>
                  </a:lnTo>
                  <a:close/>
                </a:path>
              </a:pathLst>
            </a:custGeom>
            <a:noFill/>
            <a:ln>
              <a:noFill/>
            </a:ln>
          </p:spPr>
          <p:style>
            <a:lnRef idx="0">
              <a:scrgbClr r="0" g="0" b="0"/>
            </a:lnRef>
            <a:fillRef idx="0">
              <a:scrgbClr r="0" g="0" b="0"/>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0" tIns="0" rIns="0" bIns="0" numCol="1" spcCol="1270" anchor="t" anchorCtr="0">
              <a:noAutofit/>
            </a:bodyPr>
            <a:lstStyle/>
            <a:p>
              <a:pPr marL="0" lvl="1" algn="l" defTabSz="466725">
                <a:lnSpc>
                  <a:spcPct val="90000"/>
                </a:lnSpc>
                <a:spcBef>
                  <a:spcPct val="0"/>
                </a:spcBef>
                <a:spcAft>
                  <a:spcPct val="20000"/>
                </a:spcAft>
              </a:pPr>
              <a:r>
                <a:rPr lang="en-US" sz="1400" i="1" dirty="0">
                  <a:solidFill>
                    <a:srgbClr val="002060"/>
                  </a:solidFill>
                </a:rPr>
                <a:t>Whilst the Impact Assessment (section 6.7) claims that 60-70 % of current AEOs are SME’s and that an average 75% of international trade is handled through AEOs, a number which CLECAT considers to be overestimated, it should be noted that even 25% of the number of importers, who do not become T&amp;C traders represents a considerably large group</a:t>
              </a:r>
            </a:p>
            <a:p>
              <a:pPr marL="0" lvl="1" algn="l" defTabSz="466725">
                <a:lnSpc>
                  <a:spcPct val="90000"/>
                </a:lnSpc>
                <a:spcBef>
                  <a:spcPct val="0"/>
                </a:spcBef>
                <a:spcAft>
                  <a:spcPct val="20000"/>
                </a:spcAft>
              </a:pPr>
              <a:r>
                <a:rPr lang="en-US" sz="1000" dirty="0">
                  <a:solidFill>
                    <a:srgbClr val="002060"/>
                  </a:solidFill>
                </a:rPr>
                <a:t>https://www.clecat.org/media/clecat-pp-customs-reform-2023-.pdf</a:t>
              </a:r>
            </a:p>
            <a:p>
              <a:pPr marL="171450" lvl="1" indent="-171450" algn="l" defTabSz="466725">
                <a:lnSpc>
                  <a:spcPct val="90000"/>
                </a:lnSpc>
                <a:spcBef>
                  <a:spcPct val="0"/>
                </a:spcBef>
                <a:spcAft>
                  <a:spcPct val="20000"/>
                </a:spcAft>
                <a:buFont typeface="Arial" panose="020B0604020202020204" pitchFamily="34" charset="0"/>
                <a:buChar char="•"/>
              </a:pPr>
              <a:endParaRPr lang="en-US" sz="1400" dirty="0">
                <a:solidFill>
                  <a:schemeClr val="tx1"/>
                </a:solidFill>
              </a:endParaRPr>
            </a:p>
          </p:txBody>
        </p:sp>
        <p:sp>
          <p:nvSpPr>
            <p:cNvPr id="15" name="TextBox 14">
              <a:extLst>
                <a:ext uri="{FF2B5EF4-FFF2-40B4-BE49-F238E27FC236}">
                  <a16:creationId xmlns:a16="http://schemas.microsoft.com/office/drawing/2014/main" id="{1839CEC3-010D-FD3C-0D0E-FDC68DF6ADE7}"/>
                </a:ext>
              </a:extLst>
            </p:cNvPr>
            <p:cNvSpPr txBox="1"/>
            <p:nvPr/>
          </p:nvSpPr>
          <p:spPr>
            <a:xfrm>
              <a:off x="1020723" y="3333324"/>
              <a:ext cx="1743004" cy="193899"/>
            </a:xfrm>
            <a:prstGeom prst="rect">
              <a:avLst/>
            </a:prstGeom>
            <a:noFill/>
          </p:spPr>
          <p:txBody>
            <a:bodyPr wrap="none" lIns="0" tIns="0" rIns="0" bIns="0">
              <a:spAutoFit/>
            </a:bodyPr>
            <a:lstStyle/>
            <a:p>
              <a:pPr marL="0" lvl="0" indent="0" algn="l" defTabSz="533400">
                <a:lnSpc>
                  <a:spcPct val="90000"/>
                </a:lnSpc>
                <a:spcBef>
                  <a:spcPct val="0"/>
                </a:spcBef>
                <a:spcAft>
                  <a:spcPct val="35000"/>
                </a:spcAft>
                <a:buNone/>
              </a:pPr>
              <a:r>
                <a:rPr lang="en-US" sz="1400" b="1" kern="1200" dirty="0">
                  <a:solidFill>
                    <a:schemeClr val="accent1"/>
                  </a:solidFill>
                </a:rPr>
                <a:t>CLECAT Position Paper</a:t>
              </a:r>
            </a:p>
          </p:txBody>
        </p:sp>
      </p:grpSp>
      <p:grpSp>
        <p:nvGrpSpPr>
          <p:cNvPr id="21" name="Group 20">
            <a:extLst>
              <a:ext uri="{FF2B5EF4-FFF2-40B4-BE49-F238E27FC236}">
                <a16:creationId xmlns:a16="http://schemas.microsoft.com/office/drawing/2014/main" id="{CFA42812-5B79-70F6-EF9B-AFC015313CCC}"/>
              </a:ext>
            </a:extLst>
          </p:cNvPr>
          <p:cNvGrpSpPr/>
          <p:nvPr/>
        </p:nvGrpSpPr>
        <p:grpSpPr>
          <a:xfrm>
            <a:off x="1269921" y="5113498"/>
            <a:ext cx="5778580" cy="1105133"/>
            <a:chOff x="1020723" y="5034840"/>
            <a:chExt cx="4674422" cy="1105133"/>
          </a:xfrm>
        </p:grpSpPr>
        <p:sp>
          <p:nvSpPr>
            <p:cNvPr id="12" name="Freeform: Shape 11">
              <a:extLst>
                <a:ext uri="{FF2B5EF4-FFF2-40B4-BE49-F238E27FC236}">
                  <a16:creationId xmlns:a16="http://schemas.microsoft.com/office/drawing/2014/main" id="{ACB85F9A-46C7-57F0-DBC5-99EF7FC5F08B}"/>
                </a:ext>
              </a:extLst>
            </p:cNvPr>
            <p:cNvSpPr/>
            <p:nvPr/>
          </p:nvSpPr>
          <p:spPr>
            <a:xfrm>
              <a:off x="1020725" y="5313008"/>
              <a:ext cx="4674420" cy="826965"/>
            </a:xfrm>
            <a:custGeom>
              <a:avLst/>
              <a:gdLst>
                <a:gd name="connsiteX0" fmla="*/ 0 w 5161279"/>
                <a:gd name="connsiteY0" fmla="*/ 0 h 826965"/>
                <a:gd name="connsiteX1" fmla="*/ 5161279 w 5161279"/>
                <a:gd name="connsiteY1" fmla="*/ 0 h 826965"/>
                <a:gd name="connsiteX2" fmla="*/ 5161279 w 5161279"/>
                <a:gd name="connsiteY2" fmla="*/ 826965 h 826965"/>
                <a:gd name="connsiteX3" fmla="*/ 0 w 5161279"/>
                <a:gd name="connsiteY3" fmla="*/ 826965 h 826965"/>
                <a:gd name="connsiteX4" fmla="*/ 0 w 5161279"/>
                <a:gd name="connsiteY4" fmla="*/ 0 h 82696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1279" h="826965">
                  <a:moveTo>
                    <a:pt x="0" y="0"/>
                  </a:moveTo>
                  <a:lnTo>
                    <a:pt x="5161279" y="0"/>
                  </a:lnTo>
                  <a:lnTo>
                    <a:pt x="5161279" y="826965"/>
                  </a:lnTo>
                  <a:lnTo>
                    <a:pt x="0" y="826965"/>
                  </a:lnTo>
                  <a:lnTo>
                    <a:pt x="0" y="0"/>
                  </a:lnTo>
                  <a:close/>
                </a:path>
              </a:pathLst>
            </a:custGeom>
            <a:noFill/>
            <a:ln>
              <a:noFill/>
            </a:ln>
          </p:spPr>
          <p:style>
            <a:lnRef idx="0">
              <a:scrgbClr r="0" g="0" b="0"/>
            </a:lnRef>
            <a:fillRef idx="0">
              <a:scrgbClr r="0" g="0" b="0"/>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0" tIns="0" rIns="0" bIns="0" numCol="1" spcCol="1270" anchor="t" anchorCtr="0">
              <a:noAutofit/>
            </a:bodyPr>
            <a:lstStyle/>
            <a:p>
              <a:pPr marL="0" lvl="1" algn="l" defTabSz="466725">
                <a:lnSpc>
                  <a:spcPct val="90000"/>
                </a:lnSpc>
                <a:spcBef>
                  <a:spcPct val="0"/>
                </a:spcBef>
                <a:spcAft>
                  <a:spcPct val="20000"/>
                </a:spcAft>
              </a:pPr>
              <a:r>
                <a:rPr lang="en-US" sz="1400" i="1" dirty="0">
                  <a:solidFill>
                    <a:srgbClr val="002060"/>
                  </a:solidFill>
                </a:rPr>
                <a:t>The lifeline for these importers could be the use of customs broker operating under indirect representation. However, the majority of customs brokers will not be interested to offer their services under indirect representation, in view of the increased responsibilities for non-fiscal legislation</a:t>
              </a:r>
            </a:p>
            <a:p>
              <a:pPr marL="0" lvl="1" algn="l" defTabSz="466725">
                <a:lnSpc>
                  <a:spcPct val="90000"/>
                </a:lnSpc>
                <a:spcBef>
                  <a:spcPct val="0"/>
                </a:spcBef>
                <a:spcAft>
                  <a:spcPct val="20000"/>
                </a:spcAft>
              </a:pPr>
              <a:r>
                <a:rPr lang="en-US" sz="1000" dirty="0">
                  <a:solidFill>
                    <a:srgbClr val="002060"/>
                  </a:solidFill>
                </a:rPr>
                <a:t>https://www.clecat.org/media/replacement-of-the-aeo-by-the-tc.pdf</a:t>
              </a:r>
            </a:p>
            <a:p>
              <a:pPr marL="171450" lvl="1" indent="-171450" algn="l" defTabSz="466725">
                <a:lnSpc>
                  <a:spcPct val="90000"/>
                </a:lnSpc>
                <a:spcBef>
                  <a:spcPct val="0"/>
                </a:spcBef>
                <a:spcAft>
                  <a:spcPct val="20000"/>
                </a:spcAft>
                <a:buFont typeface="Arial" panose="020B0604020202020204" pitchFamily="34" charset="0"/>
                <a:buChar char="•"/>
              </a:pPr>
              <a:endParaRPr lang="en-US" sz="1200" dirty="0">
                <a:solidFill>
                  <a:schemeClr val="tx1"/>
                </a:solidFill>
              </a:endParaRPr>
            </a:p>
          </p:txBody>
        </p:sp>
        <p:sp>
          <p:nvSpPr>
            <p:cNvPr id="16" name="TextBox 15">
              <a:extLst>
                <a:ext uri="{FF2B5EF4-FFF2-40B4-BE49-F238E27FC236}">
                  <a16:creationId xmlns:a16="http://schemas.microsoft.com/office/drawing/2014/main" id="{0797A656-C9E9-5B43-9025-89D65B718E9E}"/>
                </a:ext>
              </a:extLst>
            </p:cNvPr>
            <p:cNvSpPr txBox="1"/>
            <p:nvPr/>
          </p:nvSpPr>
          <p:spPr>
            <a:xfrm>
              <a:off x="1020723" y="5034840"/>
              <a:ext cx="3098917" cy="193899"/>
            </a:xfrm>
            <a:prstGeom prst="rect">
              <a:avLst/>
            </a:prstGeom>
            <a:noFill/>
          </p:spPr>
          <p:txBody>
            <a:bodyPr wrap="none" lIns="0" tIns="0" rIns="0" bIns="0">
              <a:spAutoFit/>
            </a:bodyPr>
            <a:lstStyle/>
            <a:p>
              <a:pPr marL="0" lvl="0" indent="0" algn="l" defTabSz="533400">
                <a:lnSpc>
                  <a:spcPct val="90000"/>
                </a:lnSpc>
                <a:spcBef>
                  <a:spcPct val="0"/>
                </a:spcBef>
                <a:spcAft>
                  <a:spcPct val="35000"/>
                </a:spcAft>
                <a:buNone/>
              </a:pPr>
              <a:r>
                <a:rPr lang="en-US" sz="1400" b="1" kern="1200" dirty="0">
                  <a:solidFill>
                    <a:schemeClr val="accent1"/>
                  </a:solidFill>
                </a:rPr>
                <a:t>Michael Lux Replacement of the AEO by T&amp;C</a:t>
              </a:r>
            </a:p>
          </p:txBody>
        </p:sp>
      </p:grpSp>
      <p:cxnSp>
        <p:nvCxnSpPr>
          <p:cNvPr id="41" name="Straight Connector 40">
            <a:extLst>
              <a:ext uri="{FF2B5EF4-FFF2-40B4-BE49-F238E27FC236}">
                <a16:creationId xmlns:a16="http://schemas.microsoft.com/office/drawing/2014/main" id="{4B2F0A1D-FC50-DF26-F5DE-2C7C676943F0}"/>
              </a:ext>
            </a:extLst>
          </p:cNvPr>
          <p:cNvCxnSpPr/>
          <p:nvPr/>
        </p:nvCxnSpPr>
        <p:spPr>
          <a:xfrm>
            <a:off x="465098" y="3019339"/>
            <a:ext cx="5283200" cy="0"/>
          </a:xfrm>
          <a:prstGeom prst="line">
            <a:avLst/>
          </a:prstGeom>
          <a:ln w="9525">
            <a:solidFill>
              <a:schemeClr val="bg2"/>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47E6BE1F-25C8-23E3-E301-F4CEC16448AD}"/>
              </a:ext>
            </a:extLst>
          </p:cNvPr>
          <p:cNvCxnSpPr/>
          <p:nvPr/>
        </p:nvCxnSpPr>
        <p:spPr>
          <a:xfrm>
            <a:off x="465098" y="4985912"/>
            <a:ext cx="5283200" cy="0"/>
          </a:xfrm>
          <a:prstGeom prst="line">
            <a:avLst/>
          </a:prstGeom>
          <a:ln w="9525">
            <a:solidFill>
              <a:schemeClr val="bg2"/>
            </a:solidFill>
          </a:ln>
        </p:spPr>
        <p:style>
          <a:lnRef idx="1">
            <a:schemeClr val="accent1"/>
          </a:lnRef>
          <a:fillRef idx="0">
            <a:schemeClr val="accent1"/>
          </a:fillRef>
          <a:effectRef idx="0">
            <a:schemeClr val="accent1"/>
          </a:effectRef>
          <a:fontRef idx="minor">
            <a:schemeClr val="tx1"/>
          </a:fontRef>
        </p:style>
      </p:cxnSp>
      <p:grpSp>
        <p:nvGrpSpPr>
          <p:cNvPr id="58" name="Group 57">
            <a:extLst>
              <a:ext uri="{FF2B5EF4-FFF2-40B4-BE49-F238E27FC236}">
                <a16:creationId xmlns:a16="http://schemas.microsoft.com/office/drawing/2014/main" id="{B06F0574-CDF6-30EE-A540-07944D789542}"/>
              </a:ext>
            </a:extLst>
          </p:cNvPr>
          <p:cNvGrpSpPr/>
          <p:nvPr/>
        </p:nvGrpSpPr>
        <p:grpSpPr>
          <a:xfrm>
            <a:off x="587862" y="1219044"/>
            <a:ext cx="440312" cy="432907"/>
            <a:chOff x="2974862" y="5461198"/>
            <a:chExt cx="649074" cy="638159"/>
          </a:xfrm>
        </p:grpSpPr>
        <p:sp>
          <p:nvSpPr>
            <p:cNvPr id="59" name="Freeform: Shape 58">
              <a:extLst>
                <a:ext uri="{FF2B5EF4-FFF2-40B4-BE49-F238E27FC236}">
                  <a16:creationId xmlns:a16="http://schemas.microsoft.com/office/drawing/2014/main" id="{CB5D7C16-02E7-0F0A-367F-6BDBCE09AC5E}"/>
                </a:ext>
              </a:extLst>
            </p:cNvPr>
            <p:cNvSpPr/>
            <p:nvPr/>
          </p:nvSpPr>
          <p:spPr>
            <a:xfrm>
              <a:off x="2974862" y="5461198"/>
              <a:ext cx="649074" cy="112932"/>
            </a:xfrm>
            <a:custGeom>
              <a:avLst/>
              <a:gdLst>
                <a:gd name="connsiteX0" fmla="*/ 640668 w 649074"/>
                <a:gd name="connsiteY0" fmla="*/ 112933 h 112932"/>
                <a:gd name="connsiteX1" fmla="*/ 8475 w 649074"/>
                <a:gd name="connsiteY1" fmla="*/ 112933 h 112932"/>
                <a:gd name="connsiteX2" fmla="*/ 91 w 649074"/>
                <a:gd name="connsiteY2" fmla="*/ 105698 h 112932"/>
                <a:gd name="connsiteX3" fmla="*/ 5973 w 649074"/>
                <a:gd name="connsiteY3" fmla="*/ 96367 h 112932"/>
                <a:gd name="connsiteX4" fmla="*/ 321393 w 649074"/>
                <a:gd name="connsiteY4" fmla="*/ 355 h 112932"/>
                <a:gd name="connsiteX5" fmla="*/ 326329 w 649074"/>
                <a:gd name="connsiteY5" fmla="*/ 355 h 112932"/>
                <a:gd name="connsiteX6" fmla="*/ 643102 w 649074"/>
                <a:gd name="connsiteY6" fmla="*/ 96367 h 112932"/>
                <a:gd name="connsiteX7" fmla="*/ 648984 w 649074"/>
                <a:gd name="connsiteY7" fmla="*/ 105698 h 112932"/>
                <a:gd name="connsiteX8" fmla="*/ 640668 w 649074"/>
                <a:gd name="connsiteY8" fmla="*/ 112933 h 112932"/>
                <a:gd name="connsiteX9" fmla="*/ 65271 w 649074"/>
                <a:gd name="connsiteY9" fmla="*/ 96029 h 112932"/>
                <a:gd name="connsiteX10" fmla="*/ 583601 w 649074"/>
                <a:gd name="connsiteY10" fmla="*/ 96029 h 112932"/>
                <a:gd name="connsiteX11" fmla="*/ 323895 w 649074"/>
                <a:gd name="connsiteY11" fmla="*/ 17326 h 112932"/>
                <a:gd name="connsiteX12" fmla="*/ 65271 w 649074"/>
                <a:gd name="connsiteY12" fmla="*/ 96029 h 112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074" h="112932">
                  <a:moveTo>
                    <a:pt x="640668" y="112933"/>
                  </a:moveTo>
                  <a:lnTo>
                    <a:pt x="8475" y="112933"/>
                  </a:lnTo>
                  <a:cubicBezTo>
                    <a:pt x="4283" y="112933"/>
                    <a:pt x="699" y="109890"/>
                    <a:pt x="91" y="105698"/>
                  </a:cubicBezTo>
                  <a:cubicBezTo>
                    <a:pt x="-518" y="101573"/>
                    <a:pt x="1984" y="97584"/>
                    <a:pt x="5973" y="96367"/>
                  </a:cubicBezTo>
                  <a:lnTo>
                    <a:pt x="321393" y="355"/>
                  </a:lnTo>
                  <a:cubicBezTo>
                    <a:pt x="323016" y="-118"/>
                    <a:pt x="324707" y="-118"/>
                    <a:pt x="326329" y="355"/>
                  </a:cubicBezTo>
                  <a:lnTo>
                    <a:pt x="643102" y="96367"/>
                  </a:lnTo>
                  <a:cubicBezTo>
                    <a:pt x="647091" y="97584"/>
                    <a:pt x="649593" y="101573"/>
                    <a:pt x="648984" y="105698"/>
                  </a:cubicBezTo>
                  <a:cubicBezTo>
                    <a:pt x="648443" y="109822"/>
                    <a:pt x="644860" y="112933"/>
                    <a:pt x="640668" y="112933"/>
                  </a:cubicBezTo>
                  <a:close/>
                  <a:moveTo>
                    <a:pt x="65271" y="96029"/>
                  </a:moveTo>
                  <a:lnTo>
                    <a:pt x="583601" y="96029"/>
                  </a:lnTo>
                  <a:lnTo>
                    <a:pt x="323895" y="17326"/>
                  </a:lnTo>
                  <a:lnTo>
                    <a:pt x="65271" y="96029"/>
                  </a:lnTo>
                  <a:close/>
                </a:path>
              </a:pathLst>
            </a:custGeom>
            <a:solidFill>
              <a:schemeClr val="tx1"/>
            </a:solidFill>
            <a:ln w="6747" cap="flat">
              <a:noFill/>
              <a:prstDash val="solid"/>
              <a:miter/>
            </a:ln>
          </p:spPr>
          <p:txBody>
            <a:bodyPr rtlCol="0" anchor="ctr"/>
            <a:lstStyle/>
            <a:p>
              <a:endParaRPr lang="en-US" dirty="0"/>
            </a:p>
          </p:txBody>
        </p:sp>
        <p:sp>
          <p:nvSpPr>
            <p:cNvPr id="60" name="Freeform: Shape 59">
              <a:extLst>
                <a:ext uri="{FF2B5EF4-FFF2-40B4-BE49-F238E27FC236}">
                  <a16:creationId xmlns:a16="http://schemas.microsoft.com/office/drawing/2014/main" id="{BB0FD322-5505-B627-43AA-0B5FB8C0ECC5}"/>
                </a:ext>
              </a:extLst>
            </p:cNvPr>
            <p:cNvSpPr/>
            <p:nvPr/>
          </p:nvSpPr>
          <p:spPr>
            <a:xfrm>
              <a:off x="3019511" y="5586842"/>
              <a:ext cx="559778" cy="512515"/>
            </a:xfrm>
            <a:custGeom>
              <a:avLst/>
              <a:gdLst>
                <a:gd name="connsiteX0" fmla="*/ 551394 w 559778"/>
                <a:gd name="connsiteY0" fmla="*/ 512515 h 512515"/>
                <a:gd name="connsiteX1" fmla="*/ 8452 w 559778"/>
                <a:gd name="connsiteY1" fmla="*/ 512515 h 512515"/>
                <a:gd name="connsiteX2" fmla="*/ 0 w 559778"/>
                <a:gd name="connsiteY2" fmla="*/ 504063 h 512515"/>
                <a:gd name="connsiteX3" fmla="*/ 0 w 559778"/>
                <a:gd name="connsiteY3" fmla="*/ 8452 h 512515"/>
                <a:gd name="connsiteX4" fmla="*/ 8452 w 559778"/>
                <a:gd name="connsiteY4" fmla="*/ 0 h 512515"/>
                <a:gd name="connsiteX5" fmla="*/ 551326 w 559778"/>
                <a:gd name="connsiteY5" fmla="*/ 0 h 512515"/>
                <a:gd name="connsiteX6" fmla="*/ 559778 w 559778"/>
                <a:gd name="connsiteY6" fmla="*/ 8452 h 512515"/>
                <a:gd name="connsiteX7" fmla="*/ 559778 w 559778"/>
                <a:gd name="connsiteY7" fmla="*/ 504063 h 512515"/>
                <a:gd name="connsiteX8" fmla="*/ 551394 w 559778"/>
                <a:gd name="connsiteY8" fmla="*/ 512515 h 512515"/>
                <a:gd name="connsiteX9" fmla="*/ 16904 w 559778"/>
                <a:gd name="connsiteY9" fmla="*/ 495612 h 512515"/>
                <a:gd name="connsiteX10" fmla="*/ 542942 w 559778"/>
                <a:gd name="connsiteY10" fmla="*/ 495612 h 512515"/>
                <a:gd name="connsiteX11" fmla="*/ 542942 w 559778"/>
                <a:gd name="connsiteY11" fmla="*/ 16904 h 512515"/>
                <a:gd name="connsiteX12" fmla="*/ 16904 w 559778"/>
                <a:gd name="connsiteY12" fmla="*/ 16904 h 512515"/>
                <a:gd name="connsiteX13" fmla="*/ 16904 w 559778"/>
                <a:gd name="connsiteY13" fmla="*/ 495612 h 512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59778" h="512515">
                  <a:moveTo>
                    <a:pt x="551394" y="512515"/>
                  </a:moveTo>
                  <a:lnTo>
                    <a:pt x="8452" y="512515"/>
                  </a:lnTo>
                  <a:cubicBezTo>
                    <a:pt x="3786" y="512515"/>
                    <a:pt x="0" y="508729"/>
                    <a:pt x="0" y="504063"/>
                  </a:cubicBezTo>
                  <a:lnTo>
                    <a:pt x="0" y="8452"/>
                  </a:lnTo>
                  <a:cubicBezTo>
                    <a:pt x="0" y="3786"/>
                    <a:pt x="3786" y="0"/>
                    <a:pt x="8452" y="0"/>
                  </a:cubicBezTo>
                  <a:lnTo>
                    <a:pt x="551326" y="0"/>
                  </a:lnTo>
                  <a:cubicBezTo>
                    <a:pt x="555991" y="0"/>
                    <a:pt x="559778" y="3786"/>
                    <a:pt x="559778" y="8452"/>
                  </a:cubicBezTo>
                  <a:lnTo>
                    <a:pt x="559778" y="504063"/>
                  </a:lnTo>
                  <a:cubicBezTo>
                    <a:pt x="559845" y="508729"/>
                    <a:pt x="556059" y="512515"/>
                    <a:pt x="551394" y="512515"/>
                  </a:cubicBezTo>
                  <a:close/>
                  <a:moveTo>
                    <a:pt x="16904" y="495612"/>
                  </a:moveTo>
                  <a:lnTo>
                    <a:pt x="542942" y="495612"/>
                  </a:lnTo>
                  <a:lnTo>
                    <a:pt x="542942" y="16904"/>
                  </a:lnTo>
                  <a:lnTo>
                    <a:pt x="16904" y="16904"/>
                  </a:lnTo>
                  <a:lnTo>
                    <a:pt x="16904" y="495612"/>
                  </a:lnTo>
                  <a:close/>
                </a:path>
              </a:pathLst>
            </a:custGeom>
            <a:solidFill>
              <a:schemeClr val="tx1"/>
            </a:solidFill>
            <a:ln w="6747" cap="flat">
              <a:noFill/>
              <a:prstDash val="solid"/>
              <a:miter/>
            </a:ln>
          </p:spPr>
          <p:txBody>
            <a:bodyPr rtlCol="0" anchor="ctr"/>
            <a:lstStyle/>
            <a:p>
              <a:endParaRPr lang="en-US" dirty="0"/>
            </a:p>
          </p:txBody>
        </p:sp>
        <p:sp>
          <p:nvSpPr>
            <p:cNvPr id="61" name="Freeform: Shape 60">
              <a:extLst>
                <a:ext uri="{FF2B5EF4-FFF2-40B4-BE49-F238E27FC236}">
                  <a16:creationId xmlns:a16="http://schemas.microsoft.com/office/drawing/2014/main" id="{6BA84873-894C-76A3-8EDC-E0FDF4BFB018}"/>
                </a:ext>
              </a:extLst>
            </p:cNvPr>
            <p:cNvSpPr/>
            <p:nvPr/>
          </p:nvSpPr>
          <p:spPr>
            <a:xfrm>
              <a:off x="3106277" y="5654971"/>
              <a:ext cx="386355" cy="386440"/>
            </a:xfrm>
            <a:custGeom>
              <a:avLst/>
              <a:gdLst>
                <a:gd name="connsiteX0" fmla="*/ 50897 w 386355"/>
                <a:gd name="connsiteY0" fmla="*/ 386440 h 386440"/>
                <a:gd name="connsiteX1" fmla="*/ 50897 w 386355"/>
                <a:gd name="connsiteY1" fmla="*/ 386440 h 386440"/>
                <a:gd name="connsiteX2" fmla="*/ 44947 w 386355"/>
                <a:gd name="connsiteY2" fmla="*/ 383938 h 386440"/>
                <a:gd name="connsiteX3" fmla="*/ 2485 w 386355"/>
                <a:gd name="connsiteY3" fmla="*/ 341477 h 386440"/>
                <a:gd name="connsiteX4" fmla="*/ 2485 w 386355"/>
                <a:gd name="connsiteY4" fmla="*/ 329509 h 386440"/>
                <a:gd name="connsiteX5" fmla="*/ 184232 w 386355"/>
                <a:gd name="connsiteY5" fmla="*/ 147762 h 386440"/>
                <a:gd name="connsiteX6" fmla="*/ 206274 w 386355"/>
                <a:gd name="connsiteY6" fmla="*/ 30992 h 386440"/>
                <a:gd name="connsiteX7" fmla="*/ 329737 w 386355"/>
                <a:gd name="connsiteY7" fmla="*/ 12128 h 386440"/>
                <a:gd name="connsiteX8" fmla="*/ 334200 w 386355"/>
                <a:gd name="connsiteY8" fmla="*/ 18349 h 386440"/>
                <a:gd name="connsiteX9" fmla="*/ 331833 w 386355"/>
                <a:gd name="connsiteY9" fmla="*/ 25583 h 386440"/>
                <a:gd name="connsiteX10" fmla="*/ 262935 w 386355"/>
                <a:gd name="connsiteY10" fmla="*/ 94550 h 386440"/>
                <a:gd name="connsiteX11" fmla="*/ 291941 w 386355"/>
                <a:gd name="connsiteY11" fmla="*/ 123556 h 386440"/>
                <a:gd name="connsiteX12" fmla="*/ 360772 w 386355"/>
                <a:gd name="connsiteY12" fmla="*/ 54657 h 386440"/>
                <a:gd name="connsiteX13" fmla="*/ 368007 w 386355"/>
                <a:gd name="connsiteY13" fmla="*/ 52291 h 386440"/>
                <a:gd name="connsiteX14" fmla="*/ 374228 w 386355"/>
                <a:gd name="connsiteY14" fmla="*/ 56753 h 386440"/>
                <a:gd name="connsiteX15" fmla="*/ 355363 w 386355"/>
                <a:gd name="connsiteY15" fmla="*/ 180217 h 386440"/>
                <a:gd name="connsiteX16" fmla="*/ 238594 w 386355"/>
                <a:gd name="connsiteY16" fmla="*/ 202259 h 386440"/>
                <a:gd name="connsiteX17" fmla="*/ 56914 w 386355"/>
                <a:gd name="connsiteY17" fmla="*/ 383938 h 386440"/>
                <a:gd name="connsiteX18" fmla="*/ 50897 w 386355"/>
                <a:gd name="connsiteY18" fmla="*/ 386440 h 386440"/>
                <a:gd name="connsiteX19" fmla="*/ 20470 w 386355"/>
                <a:gd name="connsiteY19" fmla="*/ 335527 h 386440"/>
                <a:gd name="connsiteX20" fmla="*/ 50964 w 386355"/>
                <a:gd name="connsiteY20" fmla="*/ 366021 h 386440"/>
                <a:gd name="connsiteX21" fmla="*/ 230885 w 386355"/>
                <a:gd name="connsiteY21" fmla="*/ 186032 h 386440"/>
                <a:gd name="connsiteX22" fmla="*/ 240690 w 386355"/>
                <a:gd name="connsiteY22" fmla="*/ 184477 h 386440"/>
                <a:gd name="connsiteX23" fmla="*/ 343463 w 386355"/>
                <a:gd name="connsiteY23" fmla="*/ 168182 h 386440"/>
                <a:gd name="connsiteX24" fmla="*/ 364085 w 386355"/>
                <a:gd name="connsiteY24" fmla="*/ 75280 h 386440"/>
                <a:gd name="connsiteX25" fmla="*/ 297959 w 386355"/>
                <a:gd name="connsiteY25" fmla="*/ 141406 h 386440"/>
                <a:gd name="connsiteX26" fmla="*/ 285991 w 386355"/>
                <a:gd name="connsiteY26" fmla="*/ 141406 h 386440"/>
                <a:gd name="connsiteX27" fmla="*/ 245017 w 386355"/>
                <a:gd name="connsiteY27" fmla="*/ 100432 h 386440"/>
                <a:gd name="connsiteX28" fmla="*/ 245017 w 386355"/>
                <a:gd name="connsiteY28" fmla="*/ 88464 h 386440"/>
                <a:gd name="connsiteX29" fmla="*/ 311143 w 386355"/>
                <a:gd name="connsiteY29" fmla="*/ 22338 h 386440"/>
                <a:gd name="connsiteX30" fmla="*/ 218242 w 386355"/>
                <a:gd name="connsiteY30" fmla="*/ 42960 h 386440"/>
                <a:gd name="connsiteX31" fmla="*/ 201947 w 386355"/>
                <a:gd name="connsiteY31" fmla="*/ 145734 h 386440"/>
                <a:gd name="connsiteX32" fmla="*/ 200391 w 386355"/>
                <a:gd name="connsiteY32" fmla="*/ 155538 h 386440"/>
                <a:gd name="connsiteX33" fmla="*/ 20470 w 386355"/>
                <a:gd name="connsiteY33" fmla="*/ 335527 h 3864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386355" h="386440">
                  <a:moveTo>
                    <a:pt x="50897" y="386440"/>
                  </a:moveTo>
                  <a:lnTo>
                    <a:pt x="50897" y="386440"/>
                  </a:lnTo>
                  <a:cubicBezTo>
                    <a:pt x="48665" y="386440"/>
                    <a:pt x="46502" y="385561"/>
                    <a:pt x="44947" y="383938"/>
                  </a:cubicBezTo>
                  <a:lnTo>
                    <a:pt x="2485" y="341477"/>
                  </a:lnTo>
                  <a:cubicBezTo>
                    <a:pt x="-828" y="338164"/>
                    <a:pt x="-828" y="332822"/>
                    <a:pt x="2485" y="329509"/>
                  </a:cubicBezTo>
                  <a:lnTo>
                    <a:pt x="184232" y="147762"/>
                  </a:lnTo>
                  <a:cubicBezTo>
                    <a:pt x="166855" y="108140"/>
                    <a:pt x="175374" y="61892"/>
                    <a:pt x="206274" y="30992"/>
                  </a:cubicBezTo>
                  <a:cubicBezTo>
                    <a:pt x="239067" y="-1800"/>
                    <a:pt x="288696" y="-9373"/>
                    <a:pt x="329737" y="12128"/>
                  </a:cubicBezTo>
                  <a:cubicBezTo>
                    <a:pt x="332104" y="13345"/>
                    <a:pt x="333794" y="15712"/>
                    <a:pt x="334200" y="18349"/>
                  </a:cubicBezTo>
                  <a:cubicBezTo>
                    <a:pt x="334606" y="20986"/>
                    <a:pt x="333727" y="23690"/>
                    <a:pt x="331833" y="25583"/>
                  </a:cubicBezTo>
                  <a:lnTo>
                    <a:pt x="262935" y="94550"/>
                  </a:lnTo>
                  <a:lnTo>
                    <a:pt x="291941" y="123556"/>
                  </a:lnTo>
                  <a:lnTo>
                    <a:pt x="360772" y="54657"/>
                  </a:lnTo>
                  <a:cubicBezTo>
                    <a:pt x="362666" y="52764"/>
                    <a:pt x="365370" y="51885"/>
                    <a:pt x="368007" y="52291"/>
                  </a:cubicBezTo>
                  <a:cubicBezTo>
                    <a:pt x="370644" y="52697"/>
                    <a:pt x="372943" y="54319"/>
                    <a:pt x="374228" y="56753"/>
                  </a:cubicBezTo>
                  <a:cubicBezTo>
                    <a:pt x="395729" y="97795"/>
                    <a:pt x="388156" y="147424"/>
                    <a:pt x="355363" y="180217"/>
                  </a:cubicBezTo>
                  <a:cubicBezTo>
                    <a:pt x="324463" y="211117"/>
                    <a:pt x="278215" y="219636"/>
                    <a:pt x="238594" y="202259"/>
                  </a:cubicBezTo>
                  <a:lnTo>
                    <a:pt x="56914" y="383938"/>
                  </a:lnTo>
                  <a:cubicBezTo>
                    <a:pt x="55291" y="385561"/>
                    <a:pt x="53195" y="386440"/>
                    <a:pt x="50897" y="386440"/>
                  </a:cubicBezTo>
                  <a:close/>
                  <a:moveTo>
                    <a:pt x="20470" y="335527"/>
                  </a:moveTo>
                  <a:lnTo>
                    <a:pt x="50964" y="366021"/>
                  </a:lnTo>
                  <a:lnTo>
                    <a:pt x="230885" y="186032"/>
                  </a:lnTo>
                  <a:cubicBezTo>
                    <a:pt x="233455" y="183462"/>
                    <a:pt x="237444" y="182854"/>
                    <a:pt x="240690" y="184477"/>
                  </a:cubicBezTo>
                  <a:cubicBezTo>
                    <a:pt x="274970" y="201921"/>
                    <a:pt x="316282" y="195362"/>
                    <a:pt x="343463" y="168182"/>
                  </a:cubicBezTo>
                  <a:cubicBezTo>
                    <a:pt x="368210" y="143435"/>
                    <a:pt x="375850" y="107329"/>
                    <a:pt x="364085" y="75280"/>
                  </a:cubicBezTo>
                  <a:lnTo>
                    <a:pt x="297959" y="141406"/>
                  </a:lnTo>
                  <a:cubicBezTo>
                    <a:pt x="294646" y="144719"/>
                    <a:pt x="289304" y="144719"/>
                    <a:pt x="285991" y="141406"/>
                  </a:cubicBezTo>
                  <a:lnTo>
                    <a:pt x="245017" y="100432"/>
                  </a:lnTo>
                  <a:cubicBezTo>
                    <a:pt x="241704" y="97119"/>
                    <a:pt x="241704" y="91778"/>
                    <a:pt x="245017" y="88464"/>
                  </a:cubicBezTo>
                  <a:lnTo>
                    <a:pt x="311143" y="22338"/>
                  </a:lnTo>
                  <a:cubicBezTo>
                    <a:pt x="279094" y="10573"/>
                    <a:pt x="242988" y="18213"/>
                    <a:pt x="218242" y="42960"/>
                  </a:cubicBezTo>
                  <a:cubicBezTo>
                    <a:pt x="191061" y="70141"/>
                    <a:pt x="184502" y="111453"/>
                    <a:pt x="201947" y="145734"/>
                  </a:cubicBezTo>
                  <a:cubicBezTo>
                    <a:pt x="203637" y="148979"/>
                    <a:pt x="202961" y="152968"/>
                    <a:pt x="200391" y="155538"/>
                  </a:cubicBezTo>
                  <a:lnTo>
                    <a:pt x="20470" y="335527"/>
                  </a:lnTo>
                  <a:close/>
                </a:path>
              </a:pathLst>
            </a:custGeom>
            <a:solidFill>
              <a:srgbClr val="4B87E0"/>
            </a:solidFill>
            <a:ln w="6747" cap="flat">
              <a:noFill/>
              <a:prstDash val="solid"/>
              <a:miter/>
            </a:ln>
          </p:spPr>
          <p:txBody>
            <a:bodyPr rtlCol="0" anchor="ctr"/>
            <a:lstStyle/>
            <a:p>
              <a:endParaRPr lang="en-US" dirty="0"/>
            </a:p>
          </p:txBody>
        </p:sp>
      </p:grpSp>
      <p:grpSp>
        <p:nvGrpSpPr>
          <p:cNvPr id="62" name="Group 61">
            <a:extLst>
              <a:ext uri="{FF2B5EF4-FFF2-40B4-BE49-F238E27FC236}">
                <a16:creationId xmlns:a16="http://schemas.microsoft.com/office/drawing/2014/main" id="{717754AF-013B-ED84-CC44-EEF7BC63A314}"/>
              </a:ext>
            </a:extLst>
          </p:cNvPr>
          <p:cNvGrpSpPr/>
          <p:nvPr/>
        </p:nvGrpSpPr>
        <p:grpSpPr>
          <a:xfrm>
            <a:off x="594925" y="3275702"/>
            <a:ext cx="426186" cy="314230"/>
            <a:chOff x="3013110" y="521045"/>
            <a:chExt cx="719138" cy="530226"/>
          </a:xfrm>
        </p:grpSpPr>
        <p:sp>
          <p:nvSpPr>
            <p:cNvPr id="63" name="Freeform 158">
              <a:extLst>
                <a:ext uri="{FF2B5EF4-FFF2-40B4-BE49-F238E27FC236}">
                  <a16:creationId xmlns:a16="http://schemas.microsoft.com/office/drawing/2014/main" id="{56522808-FAEC-4A45-2A94-B48E5FF29D43}"/>
                </a:ext>
              </a:extLst>
            </p:cNvPr>
            <p:cNvSpPr>
              <a:spLocks noEditPoints="1"/>
            </p:cNvSpPr>
            <p:nvPr/>
          </p:nvSpPr>
          <p:spPr bwMode="auto">
            <a:xfrm>
              <a:off x="3206785" y="748058"/>
              <a:ext cx="84138" cy="303213"/>
            </a:xfrm>
            <a:custGeom>
              <a:avLst/>
              <a:gdLst>
                <a:gd name="T0" fmla="*/ 47 w 53"/>
                <a:gd name="T1" fmla="*/ 191 h 191"/>
                <a:gd name="T2" fmla="*/ 5 w 53"/>
                <a:gd name="T3" fmla="*/ 191 h 191"/>
                <a:gd name="T4" fmla="*/ 5 w 53"/>
                <a:gd name="T5" fmla="*/ 191 h 191"/>
                <a:gd name="T6" fmla="*/ 3 w 53"/>
                <a:gd name="T7" fmla="*/ 191 h 191"/>
                <a:gd name="T8" fmla="*/ 2 w 53"/>
                <a:gd name="T9" fmla="*/ 190 h 191"/>
                <a:gd name="T10" fmla="*/ 1 w 53"/>
                <a:gd name="T11" fmla="*/ 187 h 191"/>
                <a:gd name="T12" fmla="*/ 0 w 53"/>
                <a:gd name="T13" fmla="*/ 185 h 191"/>
                <a:gd name="T14" fmla="*/ 0 w 53"/>
                <a:gd name="T15" fmla="*/ 6 h 191"/>
                <a:gd name="T16" fmla="*/ 0 w 53"/>
                <a:gd name="T17" fmla="*/ 6 h 191"/>
                <a:gd name="T18" fmla="*/ 1 w 53"/>
                <a:gd name="T19" fmla="*/ 4 h 191"/>
                <a:gd name="T20" fmla="*/ 2 w 53"/>
                <a:gd name="T21" fmla="*/ 1 h 191"/>
                <a:gd name="T22" fmla="*/ 3 w 53"/>
                <a:gd name="T23" fmla="*/ 0 h 191"/>
                <a:gd name="T24" fmla="*/ 5 w 53"/>
                <a:gd name="T25" fmla="*/ 0 h 191"/>
                <a:gd name="T26" fmla="*/ 5 w 53"/>
                <a:gd name="T27" fmla="*/ 0 h 191"/>
                <a:gd name="T28" fmla="*/ 5 w 53"/>
                <a:gd name="T29" fmla="*/ 0 h 191"/>
                <a:gd name="T30" fmla="*/ 47 w 53"/>
                <a:gd name="T31" fmla="*/ 0 h 191"/>
                <a:gd name="T32" fmla="*/ 47 w 53"/>
                <a:gd name="T33" fmla="*/ 0 h 191"/>
                <a:gd name="T34" fmla="*/ 49 w 53"/>
                <a:gd name="T35" fmla="*/ 0 h 191"/>
                <a:gd name="T36" fmla="*/ 50 w 53"/>
                <a:gd name="T37" fmla="*/ 1 h 191"/>
                <a:gd name="T38" fmla="*/ 51 w 53"/>
                <a:gd name="T39" fmla="*/ 4 h 191"/>
                <a:gd name="T40" fmla="*/ 53 w 53"/>
                <a:gd name="T41" fmla="*/ 6 h 191"/>
                <a:gd name="T42" fmla="*/ 53 w 53"/>
                <a:gd name="T43" fmla="*/ 6 h 191"/>
                <a:gd name="T44" fmla="*/ 53 w 53"/>
                <a:gd name="T45" fmla="*/ 185 h 191"/>
                <a:gd name="T46" fmla="*/ 53 w 53"/>
                <a:gd name="T47" fmla="*/ 185 h 191"/>
                <a:gd name="T48" fmla="*/ 51 w 53"/>
                <a:gd name="T49" fmla="*/ 187 h 191"/>
                <a:gd name="T50" fmla="*/ 50 w 53"/>
                <a:gd name="T51" fmla="*/ 190 h 191"/>
                <a:gd name="T52" fmla="*/ 49 w 53"/>
                <a:gd name="T53" fmla="*/ 191 h 191"/>
                <a:gd name="T54" fmla="*/ 47 w 53"/>
                <a:gd name="T55" fmla="*/ 191 h 191"/>
                <a:gd name="T56" fmla="*/ 47 w 53"/>
                <a:gd name="T57" fmla="*/ 191 h 191"/>
                <a:gd name="T58" fmla="*/ 11 w 53"/>
                <a:gd name="T59" fmla="*/ 179 h 191"/>
                <a:gd name="T60" fmla="*/ 41 w 53"/>
                <a:gd name="T61" fmla="*/ 179 h 191"/>
                <a:gd name="T62" fmla="*/ 41 w 53"/>
                <a:gd name="T63" fmla="*/ 12 h 191"/>
                <a:gd name="T64" fmla="*/ 11 w 53"/>
                <a:gd name="T65" fmla="*/ 12 h 191"/>
                <a:gd name="T66" fmla="*/ 11 w 53"/>
                <a:gd name="T67" fmla="*/ 179 h 19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53" h="191">
                  <a:moveTo>
                    <a:pt x="47" y="191"/>
                  </a:moveTo>
                  <a:lnTo>
                    <a:pt x="5" y="191"/>
                  </a:lnTo>
                  <a:lnTo>
                    <a:pt x="5" y="191"/>
                  </a:lnTo>
                  <a:lnTo>
                    <a:pt x="3" y="191"/>
                  </a:lnTo>
                  <a:lnTo>
                    <a:pt x="2" y="190"/>
                  </a:lnTo>
                  <a:lnTo>
                    <a:pt x="1" y="187"/>
                  </a:lnTo>
                  <a:lnTo>
                    <a:pt x="0" y="185"/>
                  </a:lnTo>
                  <a:lnTo>
                    <a:pt x="0" y="6"/>
                  </a:lnTo>
                  <a:lnTo>
                    <a:pt x="0" y="6"/>
                  </a:lnTo>
                  <a:lnTo>
                    <a:pt x="1" y="4"/>
                  </a:lnTo>
                  <a:lnTo>
                    <a:pt x="2" y="1"/>
                  </a:lnTo>
                  <a:lnTo>
                    <a:pt x="3" y="0"/>
                  </a:lnTo>
                  <a:lnTo>
                    <a:pt x="5" y="0"/>
                  </a:lnTo>
                  <a:lnTo>
                    <a:pt x="5" y="0"/>
                  </a:lnTo>
                  <a:lnTo>
                    <a:pt x="5" y="0"/>
                  </a:lnTo>
                  <a:lnTo>
                    <a:pt x="47" y="0"/>
                  </a:lnTo>
                  <a:lnTo>
                    <a:pt x="47" y="0"/>
                  </a:lnTo>
                  <a:lnTo>
                    <a:pt x="49" y="0"/>
                  </a:lnTo>
                  <a:lnTo>
                    <a:pt x="50" y="1"/>
                  </a:lnTo>
                  <a:lnTo>
                    <a:pt x="51" y="4"/>
                  </a:lnTo>
                  <a:lnTo>
                    <a:pt x="53" y="6"/>
                  </a:lnTo>
                  <a:lnTo>
                    <a:pt x="53" y="6"/>
                  </a:lnTo>
                  <a:lnTo>
                    <a:pt x="53" y="185"/>
                  </a:lnTo>
                  <a:lnTo>
                    <a:pt x="53" y="185"/>
                  </a:lnTo>
                  <a:lnTo>
                    <a:pt x="51" y="187"/>
                  </a:lnTo>
                  <a:lnTo>
                    <a:pt x="50" y="190"/>
                  </a:lnTo>
                  <a:lnTo>
                    <a:pt x="49" y="191"/>
                  </a:lnTo>
                  <a:lnTo>
                    <a:pt x="47" y="191"/>
                  </a:lnTo>
                  <a:lnTo>
                    <a:pt x="47" y="191"/>
                  </a:lnTo>
                  <a:close/>
                  <a:moveTo>
                    <a:pt x="11" y="179"/>
                  </a:moveTo>
                  <a:lnTo>
                    <a:pt x="41" y="179"/>
                  </a:lnTo>
                  <a:lnTo>
                    <a:pt x="41" y="12"/>
                  </a:lnTo>
                  <a:lnTo>
                    <a:pt x="11" y="12"/>
                  </a:lnTo>
                  <a:lnTo>
                    <a:pt x="11" y="179"/>
                  </a:lnTo>
                  <a:close/>
                </a:path>
              </a:pathLst>
            </a:custGeom>
            <a:solidFill>
              <a:srgbClr val="4B87E0"/>
            </a:solidFill>
            <a:ln>
              <a:noFill/>
            </a:ln>
          </p:spPr>
          <p:txBody>
            <a:bodyPr vert="horz" wrap="square" lIns="91440" tIns="45720" rIns="91440" bIns="45720" numCol="1" anchor="t" anchorCtr="0" compatLnSpc="1">
              <a:prstTxWarp prst="textNoShape">
                <a:avLst/>
              </a:prstTxWarp>
            </a:bodyPr>
            <a:lstStyle/>
            <a:p>
              <a:endParaRPr lang="en-ID" dirty="0"/>
            </a:p>
          </p:txBody>
        </p:sp>
        <p:sp>
          <p:nvSpPr>
            <p:cNvPr id="64" name="Freeform 159">
              <a:extLst>
                <a:ext uri="{FF2B5EF4-FFF2-40B4-BE49-F238E27FC236}">
                  <a16:creationId xmlns:a16="http://schemas.microsoft.com/office/drawing/2014/main" id="{2BCEF216-298D-5320-22A6-9D3BB6BE2E77}"/>
                </a:ext>
              </a:extLst>
            </p:cNvPr>
            <p:cNvSpPr>
              <a:spLocks noEditPoints="1"/>
            </p:cNvSpPr>
            <p:nvPr/>
          </p:nvSpPr>
          <p:spPr bwMode="auto">
            <a:xfrm>
              <a:off x="3465548" y="803620"/>
              <a:ext cx="82550" cy="246063"/>
            </a:xfrm>
            <a:custGeom>
              <a:avLst/>
              <a:gdLst>
                <a:gd name="T0" fmla="*/ 46 w 52"/>
                <a:gd name="T1" fmla="*/ 155 h 155"/>
                <a:gd name="T2" fmla="*/ 6 w 52"/>
                <a:gd name="T3" fmla="*/ 155 h 155"/>
                <a:gd name="T4" fmla="*/ 6 w 52"/>
                <a:gd name="T5" fmla="*/ 155 h 155"/>
                <a:gd name="T6" fmla="*/ 4 w 52"/>
                <a:gd name="T7" fmla="*/ 155 h 155"/>
                <a:gd name="T8" fmla="*/ 2 w 52"/>
                <a:gd name="T9" fmla="*/ 154 h 155"/>
                <a:gd name="T10" fmla="*/ 0 w 52"/>
                <a:gd name="T11" fmla="*/ 151 h 155"/>
                <a:gd name="T12" fmla="*/ 0 w 52"/>
                <a:gd name="T13" fmla="*/ 149 h 155"/>
                <a:gd name="T14" fmla="*/ 0 w 52"/>
                <a:gd name="T15" fmla="*/ 6 h 155"/>
                <a:gd name="T16" fmla="*/ 0 w 52"/>
                <a:gd name="T17" fmla="*/ 6 h 155"/>
                <a:gd name="T18" fmla="*/ 0 w 52"/>
                <a:gd name="T19" fmla="*/ 3 h 155"/>
                <a:gd name="T20" fmla="*/ 2 w 52"/>
                <a:gd name="T21" fmla="*/ 2 h 155"/>
                <a:gd name="T22" fmla="*/ 4 w 52"/>
                <a:gd name="T23" fmla="*/ 0 h 155"/>
                <a:gd name="T24" fmla="*/ 6 w 52"/>
                <a:gd name="T25" fmla="*/ 0 h 155"/>
                <a:gd name="T26" fmla="*/ 6 w 52"/>
                <a:gd name="T27" fmla="*/ 0 h 155"/>
                <a:gd name="T28" fmla="*/ 46 w 52"/>
                <a:gd name="T29" fmla="*/ 0 h 155"/>
                <a:gd name="T30" fmla="*/ 46 w 52"/>
                <a:gd name="T31" fmla="*/ 0 h 155"/>
                <a:gd name="T32" fmla="*/ 49 w 52"/>
                <a:gd name="T33" fmla="*/ 0 h 155"/>
                <a:gd name="T34" fmla="*/ 51 w 52"/>
                <a:gd name="T35" fmla="*/ 2 h 155"/>
                <a:gd name="T36" fmla="*/ 52 w 52"/>
                <a:gd name="T37" fmla="*/ 3 h 155"/>
                <a:gd name="T38" fmla="*/ 52 w 52"/>
                <a:gd name="T39" fmla="*/ 6 h 155"/>
                <a:gd name="T40" fmla="*/ 52 w 52"/>
                <a:gd name="T41" fmla="*/ 149 h 155"/>
                <a:gd name="T42" fmla="*/ 52 w 52"/>
                <a:gd name="T43" fmla="*/ 149 h 155"/>
                <a:gd name="T44" fmla="*/ 52 w 52"/>
                <a:gd name="T45" fmla="*/ 151 h 155"/>
                <a:gd name="T46" fmla="*/ 51 w 52"/>
                <a:gd name="T47" fmla="*/ 154 h 155"/>
                <a:gd name="T48" fmla="*/ 49 w 52"/>
                <a:gd name="T49" fmla="*/ 155 h 155"/>
                <a:gd name="T50" fmla="*/ 46 w 52"/>
                <a:gd name="T51" fmla="*/ 155 h 155"/>
                <a:gd name="T52" fmla="*/ 46 w 52"/>
                <a:gd name="T53" fmla="*/ 155 h 155"/>
                <a:gd name="T54" fmla="*/ 12 w 52"/>
                <a:gd name="T55" fmla="*/ 143 h 155"/>
                <a:gd name="T56" fmla="*/ 41 w 52"/>
                <a:gd name="T57" fmla="*/ 143 h 155"/>
                <a:gd name="T58" fmla="*/ 41 w 52"/>
                <a:gd name="T59" fmla="*/ 12 h 155"/>
                <a:gd name="T60" fmla="*/ 12 w 52"/>
                <a:gd name="T61" fmla="*/ 12 h 155"/>
                <a:gd name="T62" fmla="*/ 12 w 52"/>
                <a:gd name="T63" fmla="*/ 143 h 1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52" h="155">
                  <a:moveTo>
                    <a:pt x="46" y="155"/>
                  </a:moveTo>
                  <a:lnTo>
                    <a:pt x="6" y="155"/>
                  </a:lnTo>
                  <a:lnTo>
                    <a:pt x="6" y="155"/>
                  </a:lnTo>
                  <a:lnTo>
                    <a:pt x="4" y="155"/>
                  </a:lnTo>
                  <a:lnTo>
                    <a:pt x="2" y="154"/>
                  </a:lnTo>
                  <a:lnTo>
                    <a:pt x="0" y="151"/>
                  </a:lnTo>
                  <a:lnTo>
                    <a:pt x="0" y="149"/>
                  </a:lnTo>
                  <a:lnTo>
                    <a:pt x="0" y="6"/>
                  </a:lnTo>
                  <a:lnTo>
                    <a:pt x="0" y="6"/>
                  </a:lnTo>
                  <a:lnTo>
                    <a:pt x="0" y="3"/>
                  </a:lnTo>
                  <a:lnTo>
                    <a:pt x="2" y="2"/>
                  </a:lnTo>
                  <a:lnTo>
                    <a:pt x="4" y="0"/>
                  </a:lnTo>
                  <a:lnTo>
                    <a:pt x="6" y="0"/>
                  </a:lnTo>
                  <a:lnTo>
                    <a:pt x="6" y="0"/>
                  </a:lnTo>
                  <a:lnTo>
                    <a:pt x="46" y="0"/>
                  </a:lnTo>
                  <a:lnTo>
                    <a:pt x="46" y="0"/>
                  </a:lnTo>
                  <a:lnTo>
                    <a:pt x="49" y="0"/>
                  </a:lnTo>
                  <a:lnTo>
                    <a:pt x="51" y="2"/>
                  </a:lnTo>
                  <a:lnTo>
                    <a:pt x="52" y="3"/>
                  </a:lnTo>
                  <a:lnTo>
                    <a:pt x="52" y="6"/>
                  </a:lnTo>
                  <a:lnTo>
                    <a:pt x="52" y="149"/>
                  </a:lnTo>
                  <a:lnTo>
                    <a:pt x="52" y="149"/>
                  </a:lnTo>
                  <a:lnTo>
                    <a:pt x="52" y="151"/>
                  </a:lnTo>
                  <a:lnTo>
                    <a:pt x="51" y="154"/>
                  </a:lnTo>
                  <a:lnTo>
                    <a:pt x="49" y="155"/>
                  </a:lnTo>
                  <a:lnTo>
                    <a:pt x="46" y="155"/>
                  </a:lnTo>
                  <a:lnTo>
                    <a:pt x="46" y="155"/>
                  </a:lnTo>
                  <a:close/>
                  <a:moveTo>
                    <a:pt x="12" y="143"/>
                  </a:moveTo>
                  <a:lnTo>
                    <a:pt x="41" y="143"/>
                  </a:lnTo>
                  <a:lnTo>
                    <a:pt x="41" y="12"/>
                  </a:lnTo>
                  <a:lnTo>
                    <a:pt x="12" y="12"/>
                  </a:lnTo>
                  <a:lnTo>
                    <a:pt x="12" y="143"/>
                  </a:lnTo>
                  <a:close/>
                </a:path>
              </a:pathLst>
            </a:custGeom>
            <a:solidFill>
              <a:srgbClr val="4B87E0"/>
            </a:solidFill>
            <a:ln>
              <a:noFill/>
            </a:ln>
          </p:spPr>
          <p:txBody>
            <a:bodyPr vert="horz" wrap="square" lIns="91440" tIns="45720" rIns="91440" bIns="45720" numCol="1" anchor="t" anchorCtr="0" compatLnSpc="1">
              <a:prstTxWarp prst="textNoShape">
                <a:avLst/>
              </a:prstTxWarp>
            </a:bodyPr>
            <a:lstStyle/>
            <a:p>
              <a:endParaRPr lang="en-ID" dirty="0"/>
            </a:p>
          </p:txBody>
        </p:sp>
        <p:sp>
          <p:nvSpPr>
            <p:cNvPr id="65" name="Freeform 155">
              <a:extLst>
                <a:ext uri="{FF2B5EF4-FFF2-40B4-BE49-F238E27FC236}">
                  <a16:creationId xmlns:a16="http://schemas.microsoft.com/office/drawing/2014/main" id="{AF24A2D7-8C5F-E6F7-6F87-73028B6A2720}"/>
                </a:ext>
              </a:extLst>
            </p:cNvPr>
            <p:cNvSpPr>
              <a:spLocks/>
            </p:cNvSpPr>
            <p:nvPr/>
          </p:nvSpPr>
          <p:spPr bwMode="auto">
            <a:xfrm>
              <a:off x="3013110" y="616295"/>
              <a:ext cx="719138" cy="434975"/>
            </a:xfrm>
            <a:custGeom>
              <a:avLst/>
              <a:gdLst>
                <a:gd name="T0" fmla="*/ 447 w 453"/>
                <a:gd name="T1" fmla="*/ 274 h 274"/>
                <a:gd name="T2" fmla="*/ 6 w 453"/>
                <a:gd name="T3" fmla="*/ 274 h 274"/>
                <a:gd name="T4" fmla="*/ 6 w 453"/>
                <a:gd name="T5" fmla="*/ 274 h 274"/>
                <a:gd name="T6" fmla="*/ 4 w 453"/>
                <a:gd name="T7" fmla="*/ 274 h 274"/>
                <a:gd name="T8" fmla="*/ 1 w 453"/>
                <a:gd name="T9" fmla="*/ 273 h 274"/>
                <a:gd name="T10" fmla="*/ 0 w 453"/>
                <a:gd name="T11" fmla="*/ 270 h 274"/>
                <a:gd name="T12" fmla="*/ 0 w 453"/>
                <a:gd name="T13" fmla="*/ 268 h 274"/>
                <a:gd name="T14" fmla="*/ 0 w 453"/>
                <a:gd name="T15" fmla="*/ 6 h 274"/>
                <a:gd name="T16" fmla="*/ 0 w 453"/>
                <a:gd name="T17" fmla="*/ 6 h 274"/>
                <a:gd name="T18" fmla="*/ 0 w 453"/>
                <a:gd name="T19" fmla="*/ 4 h 274"/>
                <a:gd name="T20" fmla="*/ 1 w 453"/>
                <a:gd name="T21" fmla="*/ 2 h 274"/>
                <a:gd name="T22" fmla="*/ 4 w 453"/>
                <a:gd name="T23" fmla="*/ 0 h 274"/>
                <a:gd name="T24" fmla="*/ 6 w 453"/>
                <a:gd name="T25" fmla="*/ 0 h 274"/>
                <a:gd name="T26" fmla="*/ 6 w 453"/>
                <a:gd name="T27" fmla="*/ 0 h 274"/>
                <a:gd name="T28" fmla="*/ 8 w 453"/>
                <a:gd name="T29" fmla="*/ 0 h 274"/>
                <a:gd name="T30" fmla="*/ 11 w 453"/>
                <a:gd name="T31" fmla="*/ 2 h 274"/>
                <a:gd name="T32" fmla="*/ 12 w 453"/>
                <a:gd name="T33" fmla="*/ 4 h 274"/>
                <a:gd name="T34" fmla="*/ 12 w 453"/>
                <a:gd name="T35" fmla="*/ 6 h 274"/>
                <a:gd name="T36" fmla="*/ 12 w 453"/>
                <a:gd name="T37" fmla="*/ 263 h 274"/>
                <a:gd name="T38" fmla="*/ 447 w 453"/>
                <a:gd name="T39" fmla="*/ 263 h 274"/>
                <a:gd name="T40" fmla="*/ 447 w 453"/>
                <a:gd name="T41" fmla="*/ 263 h 274"/>
                <a:gd name="T42" fmla="*/ 449 w 453"/>
                <a:gd name="T43" fmla="*/ 263 h 274"/>
                <a:gd name="T44" fmla="*/ 452 w 453"/>
                <a:gd name="T45" fmla="*/ 265 h 274"/>
                <a:gd name="T46" fmla="*/ 453 w 453"/>
                <a:gd name="T47" fmla="*/ 267 h 274"/>
                <a:gd name="T48" fmla="*/ 453 w 453"/>
                <a:gd name="T49" fmla="*/ 268 h 274"/>
                <a:gd name="T50" fmla="*/ 453 w 453"/>
                <a:gd name="T51" fmla="*/ 268 h 274"/>
                <a:gd name="T52" fmla="*/ 453 w 453"/>
                <a:gd name="T53" fmla="*/ 270 h 274"/>
                <a:gd name="T54" fmla="*/ 452 w 453"/>
                <a:gd name="T55" fmla="*/ 273 h 274"/>
                <a:gd name="T56" fmla="*/ 449 w 453"/>
                <a:gd name="T57" fmla="*/ 274 h 274"/>
                <a:gd name="T58" fmla="*/ 447 w 453"/>
                <a:gd name="T59" fmla="*/ 274 h 274"/>
                <a:gd name="T60" fmla="*/ 447 w 453"/>
                <a:gd name="T61" fmla="*/ 274 h 2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Lst>
              <a:rect l="0" t="0" r="r" b="b"/>
              <a:pathLst>
                <a:path w="453" h="274">
                  <a:moveTo>
                    <a:pt x="447" y="274"/>
                  </a:moveTo>
                  <a:lnTo>
                    <a:pt x="6" y="274"/>
                  </a:lnTo>
                  <a:lnTo>
                    <a:pt x="6" y="274"/>
                  </a:lnTo>
                  <a:lnTo>
                    <a:pt x="4" y="274"/>
                  </a:lnTo>
                  <a:lnTo>
                    <a:pt x="1" y="273"/>
                  </a:lnTo>
                  <a:lnTo>
                    <a:pt x="0" y="270"/>
                  </a:lnTo>
                  <a:lnTo>
                    <a:pt x="0" y="268"/>
                  </a:lnTo>
                  <a:lnTo>
                    <a:pt x="0" y="6"/>
                  </a:lnTo>
                  <a:lnTo>
                    <a:pt x="0" y="6"/>
                  </a:lnTo>
                  <a:lnTo>
                    <a:pt x="0" y="4"/>
                  </a:lnTo>
                  <a:lnTo>
                    <a:pt x="1" y="2"/>
                  </a:lnTo>
                  <a:lnTo>
                    <a:pt x="4" y="0"/>
                  </a:lnTo>
                  <a:lnTo>
                    <a:pt x="6" y="0"/>
                  </a:lnTo>
                  <a:lnTo>
                    <a:pt x="6" y="0"/>
                  </a:lnTo>
                  <a:lnTo>
                    <a:pt x="8" y="0"/>
                  </a:lnTo>
                  <a:lnTo>
                    <a:pt x="11" y="2"/>
                  </a:lnTo>
                  <a:lnTo>
                    <a:pt x="12" y="4"/>
                  </a:lnTo>
                  <a:lnTo>
                    <a:pt x="12" y="6"/>
                  </a:lnTo>
                  <a:lnTo>
                    <a:pt x="12" y="263"/>
                  </a:lnTo>
                  <a:lnTo>
                    <a:pt x="447" y="263"/>
                  </a:lnTo>
                  <a:lnTo>
                    <a:pt x="447" y="263"/>
                  </a:lnTo>
                  <a:lnTo>
                    <a:pt x="449" y="263"/>
                  </a:lnTo>
                  <a:lnTo>
                    <a:pt x="452" y="265"/>
                  </a:lnTo>
                  <a:lnTo>
                    <a:pt x="453" y="267"/>
                  </a:lnTo>
                  <a:lnTo>
                    <a:pt x="453" y="268"/>
                  </a:lnTo>
                  <a:lnTo>
                    <a:pt x="453" y="268"/>
                  </a:lnTo>
                  <a:lnTo>
                    <a:pt x="453" y="270"/>
                  </a:lnTo>
                  <a:lnTo>
                    <a:pt x="452" y="273"/>
                  </a:lnTo>
                  <a:lnTo>
                    <a:pt x="449" y="274"/>
                  </a:lnTo>
                  <a:lnTo>
                    <a:pt x="447" y="274"/>
                  </a:lnTo>
                  <a:lnTo>
                    <a:pt x="447" y="274"/>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D" dirty="0"/>
            </a:p>
          </p:txBody>
        </p:sp>
        <p:sp>
          <p:nvSpPr>
            <p:cNvPr id="66" name="Freeform 156">
              <a:extLst>
                <a:ext uri="{FF2B5EF4-FFF2-40B4-BE49-F238E27FC236}">
                  <a16:creationId xmlns:a16="http://schemas.microsoft.com/office/drawing/2014/main" id="{B941E7AA-359B-B70A-FB1B-CC762F9843FB}"/>
                </a:ext>
              </a:extLst>
            </p:cNvPr>
            <p:cNvSpPr>
              <a:spLocks noEditPoints="1"/>
            </p:cNvSpPr>
            <p:nvPr/>
          </p:nvSpPr>
          <p:spPr bwMode="auto">
            <a:xfrm>
              <a:off x="3076610" y="805208"/>
              <a:ext cx="84138" cy="246063"/>
            </a:xfrm>
            <a:custGeom>
              <a:avLst/>
              <a:gdLst>
                <a:gd name="T0" fmla="*/ 47 w 53"/>
                <a:gd name="T1" fmla="*/ 155 h 155"/>
                <a:gd name="T2" fmla="*/ 6 w 53"/>
                <a:gd name="T3" fmla="*/ 155 h 155"/>
                <a:gd name="T4" fmla="*/ 6 w 53"/>
                <a:gd name="T5" fmla="*/ 155 h 155"/>
                <a:gd name="T6" fmla="*/ 4 w 53"/>
                <a:gd name="T7" fmla="*/ 155 h 155"/>
                <a:gd name="T8" fmla="*/ 2 w 53"/>
                <a:gd name="T9" fmla="*/ 154 h 155"/>
                <a:gd name="T10" fmla="*/ 1 w 53"/>
                <a:gd name="T11" fmla="*/ 151 h 155"/>
                <a:gd name="T12" fmla="*/ 0 w 53"/>
                <a:gd name="T13" fmla="*/ 149 h 155"/>
                <a:gd name="T14" fmla="*/ 0 w 53"/>
                <a:gd name="T15" fmla="*/ 6 h 155"/>
                <a:gd name="T16" fmla="*/ 0 w 53"/>
                <a:gd name="T17" fmla="*/ 6 h 155"/>
                <a:gd name="T18" fmla="*/ 1 w 53"/>
                <a:gd name="T19" fmla="*/ 3 h 155"/>
                <a:gd name="T20" fmla="*/ 2 w 53"/>
                <a:gd name="T21" fmla="*/ 2 h 155"/>
                <a:gd name="T22" fmla="*/ 4 w 53"/>
                <a:gd name="T23" fmla="*/ 1 h 155"/>
                <a:gd name="T24" fmla="*/ 6 w 53"/>
                <a:gd name="T25" fmla="*/ 0 h 155"/>
                <a:gd name="T26" fmla="*/ 6 w 53"/>
                <a:gd name="T27" fmla="*/ 0 h 155"/>
                <a:gd name="T28" fmla="*/ 47 w 53"/>
                <a:gd name="T29" fmla="*/ 0 h 155"/>
                <a:gd name="T30" fmla="*/ 47 w 53"/>
                <a:gd name="T31" fmla="*/ 0 h 155"/>
                <a:gd name="T32" fmla="*/ 50 w 53"/>
                <a:gd name="T33" fmla="*/ 1 h 155"/>
                <a:gd name="T34" fmla="*/ 51 w 53"/>
                <a:gd name="T35" fmla="*/ 2 h 155"/>
                <a:gd name="T36" fmla="*/ 52 w 53"/>
                <a:gd name="T37" fmla="*/ 3 h 155"/>
                <a:gd name="T38" fmla="*/ 53 w 53"/>
                <a:gd name="T39" fmla="*/ 6 h 155"/>
                <a:gd name="T40" fmla="*/ 53 w 53"/>
                <a:gd name="T41" fmla="*/ 6 h 155"/>
                <a:gd name="T42" fmla="*/ 53 w 53"/>
                <a:gd name="T43" fmla="*/ 149 h 155"/>
                <a:gd name="T44" fmla="*/ 53 w 53"/>
                <a:gd name="T45" fmla="*/ 149 h 155"/>
                <a:gd name="T46" fmla="*/ 52 w 53"/>
                <a:gd name="T47" fmla="*/ 151 h 155"/>
                <a:gd name="T48" fmla="*/ 51 w 53"/>
                <a:gd name="T49" fmla="*/ 154 h 155"/>
                <a:gd name="T50" fmla="*/ 50 w 53"/>
                <a:gd name="T51" fmla="*/ 155 h 155"/>
                <a:gd name="T52" fmla="*/ 47 w 53"/>
                <a:gd name="T53" fmla="*/ 155 h 155"/>
                <a:gd name="T54" fmla="*/ 47 w 53"/>
                <a:gd name="T55" fmla="*/ 155 h 155"/>
                <a:gd name="T56" fmla="*/ 12 w 53"/>
                <a:gd name="T57" fmla="*/ 144 h 155"/>
                <a:gd name="T58" fmla="*/ 41 w 53"/>
                <a:gd name="T59" fmla="*/ 144 h 155"/>
                <a:gd name="T60" fmla="*/ 41 w 53"/>
                <a:gd name="T61" fmla="*/ 12 h 155"/>
                <a:gd name="T62" fmla="*/ 12 w 53"/>
                <a:gd name="T63" fmla="*/ 12 h 155"/>
                <a:gd name="T64" fmla="*/ 12 w 53"/>
                <a:gd name="T65" fmla="*/ 144 h 1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53" h="155">
                  <a:moveTo>
                    <a:pt x="47" y="155"/>
                  </a:moveTo>
                  <a:lnTo>
                    <a:pt x="6" y="155"/>
                  </a:lnTo>
                  <a:lnTo>
                    <a:pt x="6" y="155"/>
                  </a:lnTo>
                  <a:lnTo>
                    <a:pt x="4" y="155"/>
                  </a:lnTo>
                  <a:lnTo>
                    <a:pt x="2" y="154"/>
                  </a:lnTo>
                  <a:lnTo>
                    <a:pt x="1" y="151"/>
                  </a:lnTo>
                  <a:lnTo>
                    <a:pt x="0" y="149"/>
                  </a:lnTo>
                  <a:lnTo>
                    <a:pt x="0" y="6"/>
                  </a:lnTo>
                  <a:lnTo>
                    <a:pt x="0" y="6"/>
                  </a:lnTo>
                  <a:lnTo>
                    <a:pt x="1" y="3"/>
                  </a:lnTo>
                  <a:lnTo>
                    <a:pt x="2" y="2"/>
                  </a:lnTo>
                  <a:lnTo>
                    <a:pt x="4" y="1"/>
                  </a:lnTo>
                  <a:lnTo>
                    <a:pt x="6" y="0"/>
                  </a:lnTo>
                  <a:lnTo>
                    <a:pt x="6" y="0"/>
                  </a:lnTo>
                  <a:lnTo>
                    <a:pt x="47" y="0"/>
                  </a:lnTo>
                  <a:lnTo>
                    <a:pt x="47" y="0"/>
                  </a:lnTo>
                  <a:lnTo>
                    <a:pt x="50" y="1"/>
                  </a:lnTo>
                  <a:lnTo>
                    <a:pt x="51" y="2"/>
                  </a:lnTo>
                  <a:lnTo>
                    <a:pt x="52" y="3"/>
                  </a:lnTo>
                  <a:lnTo>
                    <a:pt x="53" y="6"/>
                  </a:lnTo>
                  <a:lnTo>
                    <a:pt x="53" y="6"/>
                  </a:lnTo>
                  <a:lnTo>
                    <a:pt x="53" y="149"/>
                  </a:lnTo>
                  <a:lnTo>
                    <a:pt x="53" y="149"/>
                  </a:lnTo>
                  <a:lnTo>
                    <a:pt x="52" y="151"/>
                  </a:lnTo>
                  <a:lnTo>
                    <a:pt x="51" y="154"/>
                  </a:lnTo>
                  <a:lnTo>
                    <a:pt x="50" y="155"/>
                  </a:lnTo>
                  <a:lnTo>
                    <a:pt x="47" y="155"/>
                  </a:lnTo>
                  <a:lnTo>
                    <a:pt x="47" y="155"/>
                  </a:lnTo>
                  <a:close/>
                  <a:moveTo>
                    <a:pt x="12" y="144"/>
                  </a:moveTo>
                  <a:lnTo>
                    <a:pt x="41" y="144"/>
                  </a:lnTo>
                  <a:lnTo>
                    <a:pt x="41" y="12"/>
                  </a:lnTo>
                  <a:lnTo>
                    <a:pt x="12" y="12"/>
                  </a:lnTo>
                  <a:lnTo>
                    <a:pt x="12" y="144"/>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D" dirty="0"/>
            </a:p>
          </p:txBody>
        </p:sp>
        <p:sp>
          <p:nvSpPr>
            <p:cNvPr id="67" name="Freeform 157">
              <a:extLst>
                <a:ext uri="{FF2B5EF4-FFF2-40B4-BE49-F238E27FC236}">
                  <a16:creationId xmlns:a16="http://schemas.microsoft.com/office/drawing/2014/main" id="{574B2906-2FA6-0B5D-22BB-9382D56D5A80}"/>
                </a:ext>
              </a:extLst>
            </p:cNvPr>
            <p:cNvSpPr>
              <a:spLocks noEditPoints="1"/>
            </p:cNvSpPr>
            <p:nvPr/>
          </p:nvSpPr>
          <p:spPr bwMode="auto">
            <a:xfrm>
              <a:off x="3335373" y="663920"/>
              <a:ext cx="84138" cy="387350"/>
            </a:xfrm>
            <a:custGeom>
              <a:avLst/>
              <a:gdLst>
                <a:gd name="T0" fmla="*/ 47 w 53"/>
                <a:gd name="T1" fmla="*/ 244 h 244"/>
                <a:gd name="T2" fmla="*/ 6 w 53"/>
                <a:gd name="T3" fmla="*/ 244 h 244"/>
                <a:gd name="T4" fmla="*/ 6 w 53"/>
                <a:gd name="T5" fmla="*/ 244 h 244"/>
                <a:gd name="T6" fmla="*/ 3 w 53"/>
                <a:gd name="T7" fmla="*/ 244 h 244"/>
                <a:gd name="T8" fmla="*/ 2 w 53"/>
                <a:gd name="T9" fmla="*/ 243 h 244"/>
                <a:gd name="T10" fmla="*/ 0 w 53"/>
                <a:gd name="T11" fmla="*/ 242 h 244"/>
                <a:gd name="T12" fmla="*/ 0 w 53"/>
                <a:gd name="T13" fmla="*/ 239 h 244"/>
                <a:gd name="T14" fmla="*/ 0 w 53"/>
                <a:gd name="T15" fmla="*/ 239 h 244"/>
                <a:gd name="T16" fmla="*/ 0 w 53"/>
                <a:gd name="T17" fmla="*/ 238 h 244"/>
                <a:gd name="T18" fmla="*/ 0 w 53"/>
                <a:gd name="T19" fmla="*/ 6 h 244"/>
                <a:gd name="T20" fmla="*/ 0 w 53"/>
                <a:gd name="T21" fmla="*/ 6 h 244"/>
                <a:gd name="T22" fmla="*/ 0 w 53"/>
                <a:gd name="T23" fmla="*/ 4 h 244"/>
                <a:gd name="T24" fmla="*/ 1 w 53"/>
                <a:gd name="T25" fmla="*/ 1 h 244"/>
                <a:gd name="T26" fmla="*/ 3 w 53"/>
                <a:gd name="T27" fmla="*/ 0 h 244"/>
                <a:gd name="T28" fmla="*/ 6 w 53"/>
                <a:gd name="T29" fmla="*/ 0 h 244"/>
                <a:gd name="T30" fmla="*/ 6 w 53"/>
                <a:gd name="T31" fmla="*/ 0 h 244"/>
                <a:gd name="T32" fmla="*/ 47 w 53"/>
                <a:gd name="T33" fmla="*/ 0 h 244"/>
                <a:gd name="T34" fmla="*/ 47 w 53"/>
                <a:gd name="T35" fmla="*/ 0 h 244"/>
                <a:gd name="T36" fmla="*/ 49 w 53"/>
                <a:gd name="T37" fmla="*/ 0 h 244"/>
                <a:gd name="T38" fmla="*/ 51 w 53"/>
                <a:gd name="T39" fmla="*/ 1 h 244"/>
                <a:gd name="T40" fmla="*/ 52 w 53"/>
                <a:gd name="T41" fmla="*/ 4 h 244"/>
                <a:gd name="T42" fmla="*/ 53 w 53"/>
                <a:gd name="T43" fmla="*/ 6 h 244"/>
                <a:gd name="T44" fmla="*/ 53 w 53"/>
                <a:gd name="T45" fmla="*/ 6 h 244"/>
                <a:gd name="T46" fmla="*/ 53 w 53"/>
                <a:gd name="T47" fmla="*/ 238 h 244"/>
                <a:gd name="T48" fmla="*/ 53 w 53"/>
                <a:gd name="T49" fmla="*/ 238 h 244"/>
                <a:gd name="T50" fmla="*/ 52 w 53"/>
                <a:gd name="T51" fmla="*/ 240 h 244"/>
                <a:gd name="T52" fmla="*/ 51 w 53"/>
                <a:gd name="T53" fmla="*/ 243 h 244"/>
                <a:gd name="T54" fmla="*/ 49 w 53"/>
                <a:gd name="T55" fmla="*/ 244 h 244"/>
                <a:gd name="T56" fmla="*/ 47 w 53"/>
                <a:gd name="T57" fmla="*/ 244 h 244"/>
                <a:gd name="T58" fmla="*/ 47 w 53"/>
                <a:gd name="T59" fmla="*/ 244 h 244"/>
                <a:gd name="T60" fmla="*/ 12 w 53"/>
                <a:gd name="T61" fmla="*/ 232 h 244"/>
                <a:gd name="T62" fmla="*/ 41 w 53"/>
                <a:gd name="T63" fmla="*/ 232 h 244"/>
                <a:gd name="T64" fmla="*/ 41 w 53"/>
                <a:gd name="T65" fmla="*/ 12 h 244"/>
                <a:gd name="T66" fmla="*/ 12 w 53"/>
                <a:gd name="T67" fmla="*/ 12 h 244"/>
                <a:gd name="T68" fmla="*/ 12 w 53"/>
                <a:gd name="T69" fmla="*/ 232 h 2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53" h="244">
                  <a:moveTo>
                    <a:pt x="47" y="244"/>
                  </a:moveTo>
                  <a:lnTo>
                    <a:pt x="6" y="244"/>
                  </a:lnTo>
                  <a:lnTo>
                    <a:pt x="6" y="244"/>
                  </a:lnTo>
                  <a:lnTo>
                    <a:pt x="3" y="244"/>
                  </a:lnTo>
                  <a:lnTo>
                    <a:pt x="2" y="243"/>
                  </a:lnTo>
                  <a:lnTo>
                    <a:pt x="0" y="242"/>
                  </a:lnTo>
                  <a:lnTo>
                    <a:pt x="0" y="239"/>
                  </a:lnTo>
                  <a:lnTo>
                    <a:pt x="0" y="239"/>
                  </a:lnTo>
                  <a:lnTo>
                    <a:pt x="0" y="238"/>
                  </a:lnTo>
                  <a:lnTo>
                    <a:pt x="0" y="6"/>
                  </a:lnTo>
                  <a:lnTo>
                    <a:pt x="0" y="6"/>
                  </a:lnTo>
                  <a:lnTo>
                    <a:pt x="0" y="4"/>
                  </a:lnTo>
                  <a:lnTo>
                    <a:pt x="1" y="1"/>
                  </a:lnTo>
                  <a:lnTo>
                    <a:pt x="3" y="0"/>
                  </a:lnTo>
                  <a:lnTo>
                    <a:pt x="6" y="0"/>
                  </a:lnTo>
                  <a:lnTo>
                    <a:pt x="6" y="0"/>
                  </a:lnTo>
                  <a:lnTo>
                    <a:pt x="47" y="0"/>
                  </a:lnTo>
                  <a:lnTo>
                    <a:pt x="47" y="0"/>
                  </a:lnTo>
                  <a:lnTo>
                    <a:pt x="49" y="0"/>
                  </a:lnTo>
                  <a:lnTo>
                    <a:pt x="51" y="1"/>
                  </a:lnTo>
                  <a:lnTo>
                    <a:pt x="52" y="4"/>
                  </a:lnTo>
                  <a:lnTo>
                    <a:pt x="53" y="6"/>
                  </a:lnTo>
                  <a:lnTo>
                    <a:pt x="53" y="6"/>
                  </a:lnTo>
                  <a:lnTo>
                    <a:pt x="53" y="238"/>
                  </a:lnTo>
                  <a:lnTo>
                    <a:pt x="53" y="238"/>
                  </a:lnTo>
                  <a:lnTo>
                    <a:pt x="52" y="240"/>
                  </a:lnTo>
                  <a:lnTo>
                    <a:pt x="51" y="243"/>
                  </a:lnTo>
                  <a:lnTo>
                    <a:pt x="49" y="244"/>
                  </a:lnTo>
                  <a:lnTo>
                    <a:pt x="47" y="244"/>
                  </a:lnTo>
                  <a:lnTo>
                    <a:pt x="47" y="244"/>
                  </a:lnTo>
                  <a:close/>
                  <a:moveTo>
                    <a:pt x="12" y="232"/>
                  </a:moveTo>
                  <a:lnTo>
                    <a:pt x="41" y="232"/>
                  </a:lnTo>
                  <a:lnTo>
                    <a:pt x="41" y="12"/>
                  </a:lnTo>
                  <a:lnTo>
                    <a:pt x="12" y="12"/>
                  </a:lnTo>
                  <a:lnTo>
                    <a:pt x="12" y="23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D" dirty="0"/>
            </a:p>
          </p:txBody>
        </p:sp>
        <p:sp>
          <p:nvSpPr>
            <p:cNvPr id="68" name="Freeform 160">
              <a:extLst>
                <a:ext uri="{FF2B5EF4-FFF2-40B4-BE49-F238E27FC236}">
                  <a16:creationId xmlns:a16="http://schemas.microsoft.com/office/drawing/2014/main" id="{B0E01056-E891-16A5-A25D-5AABD803209D}"/>
                </a:ext>
              </a:extLst>
            </p:cNvPr>
            <p:cNvSpPr>
              <a:spLocks noEditPoints="1"/>
            </p:cNvSpPr>
            <p:nvPr/>
          </p:nvSpPr>
          <p:spPr bwMode="auto">
            <a:xfrm>
              <a:off x="3595723" y="746470"/>
              <a:ext cx="82550" cy="303213"/>
            </a:xfrm>
            <a:custGeom>
              <a:avLst/>
              <a:gdLst>
                <a:gd name="T0" fmla="*/ 46 w 52"/>
                <a:gd name="T1" fmla="*/ 191 h 191"/>
                <a:gd name="T2" fmla="*/ 6 w 52"/>
                <a:gd name="T3" fmla="*/ 191 h 191"/>
                <a:gd name="T4" fmla="*/ 6 w 52"/>
                <a:gd name="T5" fmla="*/ 191 h 191"/>
                <a:gd name="T6" fmla="*/ 3 w 52"/>
                <a:gd name="T7" fmla="*/ 191 h 191"/>
                <a:gd name="T8" fmla="*/ 1 w 52"/>
                <a:gd name="T9" fmla="*/ 190 h 191"/>
                <a:gd name="T10" fmla="*/ 0 w 52"/>
                <a:gd name="T11" fmla="*/ 187 h 191"/>
                <a:gd name="T12" fmla="*/ 0 w 52"/>
                <a:gd name="T13" fmla="*/ 185 h 191"/>
                <a:gd name="T14" fmla="*/ 0 w 52"/>
                <a:gd name="T15" fmla="*/ 6 h 191"/>
                <a:gd name="T16" fmla="*/ 0 w 52"/>
                <a:gd name="T17" fmla="*/ 6 h 191"/>
                <a:gd name="T18" fmla="*/ 0 w 52"/>
                <a:gd name="T19" fmla="*/ 4 h 191"/>
                <a:gd name="T20" fmla="*/ 1 w 52"/>
                <a:gd name="T21" fmla="*/ 1 h 191"/>
                <a:gd name="T22" fmla="*/ 3 w 52"/>
                <a:gd name="T23" fmla="*/ 0 h 191"/>
                <a:gd name="T24" fmla="*/ 6 w 52"/>
                <a:gd name="T25" fmla="*/ 0 h 191"/>
                <a:gd name="T26" fmla="*/ 46 w 52"/>
                <a:gd name="T27" fmla="*/ 0 h 191"/>
                <a:gd name="T28" fmla="*/ 46 w 52"/>
                <a:gd name="T29" fmla="*/ 0 h 191"/>
                <a:gd name="T30" fmla="*/ 48 w 52"/>
                <a:gd name="T31" fmla="*/ 0 h 191"/>
                <a:gd name="T32" fmla="*/ 49 w 52"/>
                <a:gd name="T33" fmla="*/ 1 h 191"/>
                <a:gd name="T34" fmla="*/ 52 w 52"/>
                <a:gd name="T35" fmla="*/ 4 h 191"/>
                <a:gd name="T36" fmla="*/ 52 w 52"/>
                <a:gd name="T37" fmla="*/ 6 h 191"/>
                <a:gd name="T38" fmla="*/ 52 w 52"/>
                <a:gd name="T39" fmla="*/ 185 h 191"/>
                <a:gd name="T40" fmla="*/ 52 w 52"/>
                <a:gd name="T41" fmla="*/ 185 h 191"/>
                <a:gd name="T42" fmla="*/ 51 w 52"/>
                <a:gd name="T43" fmla="*/ 187 h 191"/>
                <a:gd name="T44" fmla="*/ 49 w 52"/>
                <a:gd name="T45" fmla="*/ 190 h 191"/>
                <a:gd name="T46" fmla="*/ 48 w 52"/>
                <a:gd name="T47" fmla="*/ 191 h 191"/>
                <a:gd name="T48" fmla="*/ 46 w 52"/>
                <a:gd name="T49" fmla="*/ 191 h 191"/>
                <a:gd name="T50" fmla="*/ 46 w 52"/>
                <a:gd name="T51" fmla="*/ 191 h 191"/>
                <a:gd name="T52" fmla="*/ 12 w 52"/>
                <a:gd name="T53" fmla="*/ 179 h 191"/>
                <a:gd name="T54" fmla="*/ 40 w 52"/>
                <a:gd name="T55" fmla="*/ 179 h 191"/>
                <a:gd name="T56" fmla="*/ 40 w 52"/>
                <a:gd name="T57" fmla="*/ 12 h 191"/>
                <a:gd name="T58" fmla="*/ 12 w 52"/>
                <a:gd name="T59" fmla="*/ 12 h 191"/>
                <a:gd name="T60" fmla="*/ 12 w 52"/>
                <a:gd name="T61" fmla="*/ 179 h 19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Lst>
              <a:rect l="0" t="0" r="r" b="b"/>
              <a:pathLst>
                <a:path w="52" h="191">
                  <a:moveTo>
                    <a:pt x="46" y="191"/>
                  </a:moveTo>
                  <a:lnTo>
                    <a:pt x="6" y="191"/>
                  </a:lnTo>
                  <a:lnTo>
                    <a:pt x="6" y="191"/>
                  </a:lnTo>
                  <a:lnTo>
                    <a:pt x="3" y="191"/>
                  </a:lnTo>
                  <a:lnTo>
                    <a:pt x="1" y="190"/>
                  </a:lnTo>
                  <a:lnTo>
                    <a:pt x="0" y="187"/>
                  </a:lnTo>
                  <a:lnTo>
                    <a:pt x="0" y="185"/>
                  </a:lnTo>
                  <a:lnTo>
                    <a:pt x="0" y="6"/>
                  </a:lnTo>
                  <a:lnTo>
                    <a:pt x="0" y="6"/>
                  </a:lnTo>
                  <a:lnTo>
                    <a:pt x="0" y="4"/>
                  </a:lnTo>
                  <a:lnTo>
                    <a:pt x="1" y="1"/>
                  </a:lnTo>
                  <a:lnTo>
                    <a:pt x="3" y="0"/>
                  </a:lnTo>
                  <a:lnTo>
                    <a:pt x="6" y="0"/>
                  </a:lnTo>
                  <a:lnTo>
                    <a:pt x="46" y="0"/>
                  </a:lnTo>
                  <a:lnTo>
                    <a:pt x="46" y="0"/>
                  </a:lnTo>
                  <a:lnTo>
                    <a:pt x="48" y="0"/>
                  </a:lnTo>
                  <a:lnTo>
                    <a:pt x="49" y="1"/>
                  </a:lnTo>
                  <a:lnTo>
                    <a:pt x="52" y="4"/>
                  </a:lnTo>
                  <a:lnTo>
                    <a:pt x="52" y="6"/>
                  </a:lnTo>
                  <a:lnTo>
                    <a:pt x="52" y="185"/>
                  </a:lnTo>
                  <a:lnTo>
                    <a:pt x="52" y="185"/>
                  </a:lnTo>
                  <a:lnTo>
                    <a:pt x="51" y="187"/>
                  </a:lnTo>
                  <a:lnTo>
                    <a:pt x="49" y="190"/>
                  </a:lnTo>
                  <a:lnTo>
                    <a:pt x="48" y="191"/>
                  </a:lnTo>
                  <a:lnTo>
                    <a:pt x="46" y="191"/>
                  </a:lnTo>
                  <a:lnTo>
                    <a:pt x="46" y="191"/>
                  </a:lnTo>
                  <a:close/>
                  <a:moveTo>
                    <a:pt x="12" y="179"/>
                  </a:moveTo>
                  <a:lnTo>
                    <a:pt x="40" y="179"/>
                  </a:lnTo>
                  <a:lnTo>
                    <a:pt x="40" y="12"/>
                  </a:lnTo>
                  <a:lnTo>
                    <a:pt x="12" y="12"/>
                  </a:lnTo>
                  <a:lnTo>
                    <a:pt x="12" y="179"/>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D" dirty="0"/>
            </a:p>
          </p:txBody>
        </p:sp>
        <p:sp>
          <p:nvSpPr>
            <p:cNvPr id="69" name="Freeform 161">
              <a:extLst>
                <a:ext uri="{FF2B5EF4-FFF2-40B4-BE49-F238E27FC236}">
                  <a16:creationId xmlns:a16="http://schemas.microsoft.com/office/drawing/2014/main" id="{F46B6C8A-E37C-A4DD-9E87-92C6C8122D1D}"/>
                </a:ext>
              </a:extLst>
            </p:cNvPr>
            <p:cNvSpPr>
              <a:spLocks noEditPoints="1"/>
            </p:cNvSpPr>
            <p:nvPr/>
          </p:nvSpPr>
          <p:spPr bwMode="auto">
            <a:xfrm>
              <a:off x="3071848" y="521045"/>
              <a:ext cx="585788" cy="257175"/>
            </a:xfrm>
            <a:custGeom>
              <a:avLst/>
              <a:gdLst>
                <a:gd name="T0" fmla="*/ 5 w 369"/>
                <a:gd name="T1" fmla="*/ 162 h 162"/>
                <a:gd name="T2" fmla="*/ 5 w 369"/>
                <a:gd name="T3" fmla="*/ 162 h 162"/>
                <a:gd name="T4" fmla="*/ 3 w 369"/>
                <a:gd name="T5" fmla="*/ 162 h 162"/>
                <a:gd name="T6" fmla="*/ 1 w 369"/>
                <a:gd name="T7" fmla="*/ 161 h 162"/>
                <a:gd name="T8" fmla="*/ 0 w 369"/>
                <a:gd name="T9" fmla="*/ 159 h 162"/>
                <a:gd name="T10" fmla="*/ 0 w 369"/>
                <a:gd name="T11" fmla="*/ 156 h 162"/>
                <a:gd name="T12" fmla="*/ 0 w 369"/>
                <a:gd name="T13" fmla="*/ 156 h 162"/>
                <a:gd name="T14" fmla="*/ 1 w 369"/>
                <a:gd name="T15" fmla="*/ 154 h 162"/>
                <a:gd name="T16" fmla="*/ 2 w 369"/>
                <a:gd name="T17" fmla="*/ 152 h 162"/>
                <a:gd name="T18" fmla="*/ 54 w 369"/>
                <a:gd name="T19" fmla="*/ 120 h 162"/>
                <a:gd name="T20" fmla="*/ 54 w 369"/>
                <a:gd name="T21" fmla="*/ 120 h 162"/>
                <a:gd name="T22" fmla="*/ 56 w 369"/>
                <a:gd name="T23" fmla="*/ 120 h 162"/>
                <a:gd name="T24" fmla="*/ 59 w 369"/>
                <a:gd name="T25" fmla="*/ 120 h 162"/>
                <a:gd name="T26" fmla="*/ 61 w 369"/>
                <a:gd name="T27" fmla="*/ 120 h 162"/>
                <a:gd name="T28" fmla="*/ 62 w 369"/>
                <a:gd name="T29" fmla="*/ 122 h 162"/>
                <a:gd name="T30" fmla="*/ 62 w 369"/>
                <a:gd name="T31" fmla="*/ 122 h 162"/>
                <a:gd name="T32" fmla="*/ 63 w 369"/>
                <a:gd name="T33" fmla="*/ 124 h 162"/>
                <a:gd name="T34" fmla="*/ 63 w 369"/>
                <a:gd name="T35" fmla="*/ 127 h 162"/>
                <a:gd name="T36" fmla="*/ 62 w 369"/>
                <a:gd name="T37" fmla="*/ 128 h 162"/>
                <a:gd name="T38" fmla="*/ 61 w 369"/>
                <a:gd name="T39" fmla="*/ 130 h 162"/>
                <a:gd name="T40" fmla="*/ 61 w 369"/>
                <a:gd name="T41" fmla="*/ 130 h 162"/>
                <a:gd name="T42" fmla="*/ 9 w 369"/>
                <a:gd name="T43" fmla="*/ 162 h 162"/>
                <a:gd name="T44" fmla="*/ 9 w 369"/>
                <a:gd name="T45" fmla="*/ 162 h 162"/>
                <a:gd name="T46" fmla="*/ 5 w 369"/>
                <a:gd name="T47" fmla="*/ 162 h 162"/>
                <a:gd name="T48" fmla="*/ 5 w 369"/>
                <a:gd name="T49" fmla="*/ 162 h 162"/>
                <a:gd name="T50" fmla="*/ 86 w 369"/>
                <a:gd name="T51" fmla="*/ 114 h 162"/>
                <a:gd name="T52" fmla="*/ 86 w 369"/>
                <a:gd name="T53" fmla="*/ 114 h 162"/>
                <a:gd name="T54" fmla="*/ 83 w 369"/>
                <a:gd name="T55" fmla="*/ 114 h 162"/>
                <a:gd name="T56" fmla="*/ 81 w 369"/>
                <a:gd name="T57" fmla="*/ 111 h 162"/>
                <a:gd name="T58" fmla="*/ 80 w 369"/>
                <a:gd name="T59" fmla="*/ 110 h 162"/>
                <a:gd name="T60" fmla="*/ 80 w 369"/>
                <a:gd name="T61" fmla="*/ 108 h 162"/>
                <a:gd name="T62" fmla="*/ 80 w 369"/>
                <a:gd name="T63" fmla="*/ 108 h 162"/>
                <a:gd name="T64" fmla="*/ 81 w 369"/>
                <a:gd name="T65" fmla="*/ 105 h 162"/>
                <a:gd name="T66" fmla="*/ 82 w 369"/>
                <a:gd name="T67" fmla="*/ 103 h 162"/>
                <a:gd name="T68" fmla="*/ 194 w 369"/>
                <a:gd name="T69" fmla="*/ 34 h 162"/>
                <a:gd name="T70" fmla="*/ 194 w 369"/>
                <a:gd name="T71" fmla="*/ 34 h 162"/>
                <a:gd name="T72" fmla="*/ 198 w 369"/>
                <a:gd name="T73" fmla="*/ 33 h 162"/>
                <a:gd name="T74" fmla="*/ 201 w 369"/>
                <a:gd name="T75" fmla="*/ 36 h 162"/>
                <a:gd name="T76" fmla="*/ 251 w 369"/>
                <a:gd name="T77" fmla="*/ 85 h 162"/>
                <a:gd name="T78" fmla="*/ 359 w 369"/>
                <a:gd name="T79" fmla="*/ 1 h 162"/>
                <a:gd name="T80" fmla="*/ 359 w 369"/>
                <a:gd name="T81" fmla="*/ 1 h 162"/>
                <a:gd name="T82" fmla="*/ 361 w 369"/>
                <a:gd name="T83" fmla="*/ 0 h 162"/>
                <a:gd name="T84" fmla="*/ 363 w 369"/>
                <a:gd name="T85" fmla="*/ 0 h 162"/>
                <a:gd name="T86" fmla="*/ 365 w 369"/>
                <a:gd name="T87" fmla="*/ 0 h 162"/>
                <a:gd name="T88" fmla="*/ 368 w 369"/>
                <a:gd name="T89" fmla="*/ 2 h 162"/>
                <a:gd name="T90" fmla="*/ 368 w 369"/>
                <a:gd name="T91" fmla="*/ 2 h 162"/>
                <a:gd name="T92" fmla="*/ 368 w 369"/>
                <a:gd name="T93" fmla="*/ 4 h 162"/>
                <a:gd name="T94" fmla="*/ 369 w 369"/>
                <a:gd name="T95" fmla="*/ 6 h 162"/>
                <a:gd name="T96" fmla="*/ 368 w 369"/>
                <a:gd name="T97" fmla="*/ 8 h 162"/>
                <a:gd name="T98" fmla="*/ 366 w 369"/>
                <a:gd name="T99" fmla="*/ 11 h 162"/>
                <a:gd name="T100" fmla="*/ 253 w 369"/>
                <a:gd name="T101" fmla="*/ 97 h 162"/>
                <a:gd name="T102" fmla="*/ 253 w 369"/>
                <a:gd name="T103" fmla="*/ 97 h 162"/>
                <a:gd name="T104" fmla="*/ 252 w 369"/>
                <a:gd name="T105" fmla="*/ 98 h 162"/>
                <a:gd name="T106" fmla="*/ 250 w 369"/>
                <a:gd name="T107" fmla="*/ 98 h 162"/>
                <a:gd name="T108" fmla="*/ 247 w 369"/>
                <a:gd name="T109" fmla="*/ 98 h 162"/>
                <a:gd name="T110" fmla="*/ 246 w 369"/>
                <a:gd name="T111" fmla="*/ 97 h 162"/>
                <a:gd name="T112" fmla="*/ 197 w 369"/>
                <a:gd name="T113" fmla="*/ 47 h 162"/>
                <a:gd name="T114" fmla="*/ 89 w 369"/>
                <a:gd name="T115" fmla="*/ 113 h 162"/>
                <a:gd name="T116" fmla="*/ 89 w 369"/>
                <a:gd name="T117" fmla="*/ 113 h 162"/>
                <a:gd name="T118" fmla="*/ 86 w 369"/>
                <a:gd name="T119" fmla="*/ 114 h 162"/>
                <a:gd name="T120" fmla="*/ 86 w 369"/>
                <a:gd name="T121" fmla="*/ 114 h 1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369" h="162">
                  <a:moveTo>
                    <a:pt x="5" y="162"/>
                  </a:moveTo>
                  <a:lnTo>
                    <a:pt x="5" y="162"/>
                  </a:lnTo>
                  <a:lnTo>
                    <a:pt x="3" y="162"/>
                  </a:lnTo>
                  <a:lnTo>
                    <a:pt x="1" y="161"/>
                  </a:lnTo>
                  <a:lnTo>
                    <a:pt x="0" y="159"/>
                  </a:lnTo>
                  <a:lnTo>
                    <a:pt x="0" y="156"/>
                  </a:lnTo>
                  <a:lnTo>
                    <a:pt x="0" y="156"/>
                  </a:lnTo>
                  <a:lnTo>
                    <a:pt x="1" y="154"/>
                  </a:lnTo>
                  <a:lnTo>
                    <a:pt x="2" y="152"/>
                  </a:lnTo>
                  <a:lnTo>
                    <a:pt x="54" y="120"/>
                  </a:lnTo>
                  <a:lnTo>
                    <a:pt x="54" y="120"/>
                  </a:lnTo>
                  <a:lnTo>
                    <a:pt x="56" y="120"/>
                  </a:lnTo>
                  <a:lnTo>
                    <a:pt x="59" y="120"/>
                  </a:lnTo>
                  <a:lnTo>
                    <a:pt x="61" y="120"/>
                  </a:lnTo>
                  <a:lnTo>
                    <a:pt x="62" y="122"/>
                  </a:lnTo>
                  <a:lnTo>
                    <a:pt x="62" y="122"/>
                  </a:lnTo>
                  <a:lnTo>
                    <a:pt x="63" y="124"/>
                  </a:lnTo>
                  <a:lnTo>
                    <a:pt x="63" y="127"/>
                  </a:lnTo>
                  <a:lnTo>
                    <a:pt x="62" y="128"/>
                  </a:lnTo>
                  <a:lnTo>
                    <a:pt x="61" y="130"/>
                  </a:lnTo>
                  <a:lnTo>
                    <a:pt x="61" y="130"/>
                  </a:lnTo>
                  <a:lnTo>
                    <a:pt x="9" y="162"/>
                  </a:lnTo>
                  <a:lnTo>
                    <a:pt x="9" y="162"/>
                  </a:lnTo>
                  <a:lnTo>
                    <a:pt x="5" y="162"/>
                  </a:lnTo>
                  <a:lnTo>
                    <a:pt x="5" y="162"/>
                  </a:lnTo>
                  <a:close/>
                  <a:moveTo>
                    <a:pt x="86" y="114"/>
                  </a:moveTo>
                  <a:lnTo>
                    <a:pt x="86" y="114"/>
                  </a:lnTo>
                  <a:lnTo>
                    <a:pt x="83" y="114"/>
                  </a:lnTo>
                  <a:lnTo>
                    <a:pt x="81" y="111"/>
                  </a:lnTo>
                  <a:lnTo>
                    <a:pt x="80" y="110"/>
                  </a:lnTo>
                  <a:lnTo>
                    <a:pt x="80" y="108"/>
                  </a:lnTo>
                  <a:lnTo>
                    <a:pt x="80" y="108"/>
                  </a:lnTo>
                  <a:lnTo>
                    <a:pt x="81" y="105"/>
                  </a:lnTo>
                  <a:lnTo>
                    <a:pt x="82" y="103"/>
                  </a:lnTo>
                  <a:lnTo>
                    <a:pt x="194" y="34"/>
                  </a:lnTo>
                  <a:lnTo>
                    <a:pt x="194" y="34"/>
                  </a:lnTo>
                  <a:lnTo>
                    <a:pt x="198" y="33"/>
                  </a:lnTo>
                  <a:lnTo>
                    <a:pt x="201" y="36"/>
                  </a:lnTo>
                  <a:lnTo>
                    <a:pt x="251" y="85"/>
                  </a:lnTo>
                  <a:lnTo>
                    <a:pt x="359" y="1"/>
                  </a:lnTo>
                  <a:lnTo>
                    <a:pt x="359" y="1"/>
                  </a:lnTo>
                  <a:lnTo>
                    <a:pt x="361" y="0"/>
                  </a:lnTo>
                  <a:lnTo>
                    <a:pt x="363" y="0"/>
                  </a:lnTo>
                  <a:lnTo>
                    <a:pt x="365" y="0"/>
                  </a:lnTo>
                  <a:lnTo>
                    <a:pt x="368" y="2"/>
                  </a:lnTo>
                  <a:lnTo>
                    <a:pt x="368" y="2"/>
                  </a:lnTo>
                  <a:lnTo>
                    <a:pt x="368" y="4"/>
                  </a:lnTo>
                  <a:lnTo>
                    <a:pt x="369" y="6"/>
                  </a:lnTo>
                  <a:lnTo>
                    <a:pt x="368" y="8"/>
                  </a:lnTo>
                  <a:lnTo>
                    <a:pt x="366" y="11"/>
                  </a:lnTo>
                  <a:lnTo>
                    <a:pt x="253" y="97"/>
                  </a:lnTo>
                  <a:lnTo>
                    <a:pt x="253" y="97"/>
                  </a:lnTo>
                  <a:lnTo>
                    <a:pt x="252" y="98"/>
                  </a:lnTo>
                  <a:lnTo>
                    <a:pt x="250" y="98"/>
                  </a:lnTo>
                  <a:lnTo>
                    <a:pt x="247" y="98"/>
                  </a:lnTo>
                  <a:lnTo>
                    <a:pt x="246" y="97"/>
                  </a:lnTo>
                  <a:lnTo>
                    <a:pt x="197" y="47"/>
                  </a:lnTo>
                  <a:lnTo>
                    <a:pt x="89" y="113"/>
                  </a:lnTo>
                  <a:lnTo>
                    <a:pt x="89" y="113"/>
                  </a:lnTo>
                  <a:lnTo>
                    <a:pt x="86" y="114"/>
                  </a:lnTo>
                  <a:lnTo>
                    <a:pt x="86" y="114"/>
                  </a:lnTo>
                  <a:close/>
                </a:path>
              </a:pathLst>
            </a:custGeom>
            <a:solidFill>
              <a:srgbClr val="4B87E0"/>
            </a:solidFill>
            <a:ln>
              <a:noFill/>
            </a:ln>
          </p:spPr>
          <p:txBody>
            <a:bodyPr vert="horz" wrap="square" lIns="91440" tIns="45720" rIns="91440" bIns="45720" numCol="1" anchor="t" anchorCtr="0" compatLnSpc="1">
              <a:prstTxWarp prst="textNoShape">
                <a:avLst/>
              </a:prstTxWarp>
            </a:bodyPr>
            <a:lstStyle/>
            <a:p>
              <a:endParaRPr lang="en-ID" dirty="0"/>
            </a:p>
          </p:txBody>
        </p:sp>
        <p:sp>
          <p:nvSpPr>
            <p:cNvPr id="70" name="Freeform 162">
              <a:extLst>
                <a:ext uri="{FF2B5EF4-FFF2-40B4-BE49-F238E27FC236}">
                  <a16:creationId xmlns:a16="http://schemas.microsoft.com/office/drawing/2014/main" id="{33C47747-B61A-6E75-C9FA-ED4EB3D8854F}"/>
                </a:ext>
              </a:extLst>
            </p:cNvPr>
            <p:cNvSpPr>
              <a:spLocks/>
            </p:cNvSpPr>
            <p:nvPr/>
          </p:nvSpPr>
          <p:spPr bwMode="auto">
            <a:xfrm>
              <a:off x="3638585" y="521045"/>
              <a:ext cx="19050" cy="74613"/>
            </a:xfrm>
            <a:custGeom>
              <a:avLst/>
              <a:gdLst>
                <a:gd name="T0" fmla="*/ 6 w 12"/>
                <a:gd name="T1" fmla="*/ 47 h 47"/>
                <a:gd name="T2" fmla="*/ 6 w 12"/>
                <a:gd name="T3" fmla="*/ 47 h 47"/>
                <a:gd name="T4" fmla="*/ 4 w 12"/>
                <a:gd name="T5" fmla="*/ 46 h 47"/>
                <a:gd name="T6" fmla="*/ 1 w 12"/>
                <a:gd name="T7" fmla="*/ 45 h 47"/>
                <a:gd name="T8" fmla="*/ 0 w 12"/>
                <a:gd name="T9" fmla="*/ 44 h 47"/>
                <a:gd name="T10" fmla="*/ 0 w 12"/>
                <a:gd name="T11" fmla="*/ 41 h 47"/>
                <a:gd name="T12" fmla="*/ 0 w 12"/>
                <a:gd name="T13" fmla="*/ 6 h 47"/>
                <a:gd name="T14" fmla="*/ 0 w 12"/>
                <a:gd name="T15" fmla="*/ 6 h 47"/>
                <a:gd name="T16" fmla="*/ 0 w 12"/>
                <a:gd name="T17" fmla="*/ 4 h 47"/>
                <a:gd name="T18" fmla="*/ 1 w 12"/>
                <a:gd name="T19" fmla="*/ 1 h 47"/>
                <a:gd name="T20" fmla="*/ 4 w 12"/>
                <a:gd name="T21" fmla="*/ 0 h 47"/>
                <a:gd name="T22" fmla="*/ 6 w 12"/>
                <a:gd name="T23" fmla="*/ 0 h 47"/>
                <a:gd name="T24" fmla="*/ 6 w 12"/>
                <a:gd name="T25" fmla="*/ 0 h 47"/>
                <a:gd name="T26" fmla="*/ 8 w 12"/>
                <a:gd name="T27" fmla="*/ 0 h 47"/>
                <a:gd name="T28" fmla="*/ 9 w 12"/>
                <a:gd name="T29" fmla="*/ 1 h 47"/>
                <a:gd name="T30" fmla="*/ 11 w 12"/>
                <a:gd name="T31" fmla="*/ 4 h 47"/>
                <a:gd name="T32" fmla="*/ 12 w 12"/>
                <a:gd name="T33" fmla="*/ 6 h 47"/>
                <a:gd name="T34" fmla="*/ 12 w 12"/>
                <a:gd name="T35" fmla="*/ 6 h 47"/>
                <a:gd name="T36" fmla="*/ 12 w 12"/>
                <a:gd name="T37" fmla="*/ 41 h 47"/>
                <a:gd name="T38" fmla="*/ 12 w 12"/>
                <a:gd name="T39" fmla="*/ 41 h 47"/>
                <a:gd name="T40" fmla="*/ 11 w 12"/>
                <a:gd name="T41" fmla="*/ 44 h 47"/>
                <a:gd name="T42" fmla="*/ 9 w 12"/>
                <a:gd name="T43" fmla="*/ 45 h 47"/>
                <a:gd name="T44" fmla="*/ 8 w 12"/>
                <a:gd name="T45" fmla="*/ 46 h 47"/>
                <a:gd name="T46" fmla="*/ 6 w 12"/>
                <a:gd name="T47" fmla="*/ 47 h 47"/>
                <a:gd name="T48" fmla="*/ 6 w 12"/>
                <a:gd name="T49" fmla="*/ 47 h 47"/>
                <a:gd name="T50" fmla="*/ 6 w 12"/>
                <a:gd name="T51" fmla="*/ 47 h 47"/>
                <a:gd name="T52" fmla="*/ 6 w 12"/>
                <a:gd name="T53" fmla="*/ 47 h 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2" h="47">
                  <a:moveTo>
                    <a:pt x="6" y="47"/>
                  </a:moveTo>
                  <a:lnTo>
                    <a:pt x="6" y="47"/>
                  </a:lnTo>
                  <a:lnTo>
                    <a:pt x="4" y="46"/>
                  </a:lnTo>
                  <a:lnTo>
                    <a:pt x="1" y="45"/>
                  </a:lnTo>
                  <a:lnTo>
                    <a:pt x="0" y="44"/>
                  </a:lnTo>
                  <a:lnTo>
                    <a:pt x="0" y="41"/>
                  </a:lnTo>
                  <a:lnTo>
                    <a:pt x="0" y="6"/>
                  </a:lnTo>
                  <a:lnTo>
                    <a:pt x="0" y="6"/>
                  </a:lnTo>
                  <a:lnTo>
                    <a:pt x="0" y="4"/>
                  </a:lnTo>
                  <a:lnTo>
                    <a:pt x="1" y="1"/>
                  </a:lnTo>
                  <a:lnTo>
                    <a:pt x="4" y="0"/>
                  </a:lnTo>
                  <a:lnTo>
                    <a:pt x="6" y="0"/>
                  </a:lnTo>
                  <a:lnTo>
                    <a:pt x="6" y="0"/>
                  </a:lnTo>
                  <a:lnTo>
                    <a:pt x="8" y="0"/>
                  </a:lnTo>
                  <a:lnTo>
                    <a:pt x="9" y="1"/>
                  </a:lnTo>
                  <a:lnTo>
                    <a:pt x="11" y="4"/>
                  </a:lnTo>
                  <a:lnTo>
                    <a:pt x="12" y="6"/>
                  </a:lnTo>
                  <a:lnTo>
                    <a:pt x="12" y="6"/>
                  </a:lnTo>
                  <a:lnTo>
                    <a:pt x="12" y="41"/>
                  </a:lnTo>
                  <a:lnTo>
                    <a:pt x="12" y="41"/>
                  </a:lnTo>
                  <a:lnTo>
                    <a:pt x="11" y="44"/>
                  </a:lnTo>
                  <a:lnTo>
                    <a:pt x="9" y="45"/>
                  </a:lnTo>
                  <a:lnTo>
                    <a:pt x="8" y="46"/>
                  </a:lnTo>
                  <a:lnTo>
                    <a:pt x="6" y="47"/>
                  </a:lnTo>
                  <a:lnTo>
                    <a:pt x="6" y="47"/>
                  </a:lnTo>
                  <a:lnTo>
                    <a:pt x="6" y="47"/>
                  </a:lnTo>
                  <a:lnTo>
                    <a:pt x="6" y="47"/>
                  </a:lnTo>
                  <a:close/>
                </a:path>
              </a:pathLst>
            </a:custGeom>
            <a:solidFill>
              <a:srgbClr val="4B87E0"/>
            </a:solidFill>
            <a:ln>
              <a:noFill/>
            </a:ln>
          </p:spPr>
          <p:txBody>
            <a:bodyPr vert="horz" wrap="square" lIns="91440" tIns="45720" rIns="91440" bIns="45720" numCol="1" anchor="t" anchorCtr="0" compatLnSpc="1">
              <a:prstTxWarp prst="textNoShape">
                <a:avLst/>
              </a:prstTxWarp>
            </a:bodyPr>
            <a:lstStyle/>
            <a:p>
              <a:endParaRPr lang="en-ID" dirty="0"/>
            </a:p>
          </p:txBody>
        </p:sp>
        <p:sp>
          <p:nvSpPr>
            <p:cNvPr id="71" name="Freeform 163">
              <a:extLst>
                <a:ext uri="{FF2B5EF4-FFF2-40B4-BE49-F238E27FC236}">
                  <a16:creationId xmlns:a16="http://schemas.microsoft.com/office/drawing/2014/main" id="{0C0DE5F7-3E63-306C-6BD5-4AE5602AC490}"/>
                </a:ext>
              </a:extLst>
            </p:cNvPr>
            <p:cNvSpPr>
              <a:spLocks/>
            </p:cNvSpPr>
            <p:nvPr/>
          </p:nvSpPr>
          <p:spPr bwMode="auto">
            <a:xfrm>
              <a:off x="3579848" y="521045"/>
              <a:ext cx="77788" cy="17463"/>
            </a:xfrm>
            <a:custGeom>
              <a:avLst/>
              <a:gdLst>
                <a:gd name="T0" fmla="*/ 43 w 49"/>
                <a:gd name="T1" fmla="*/ 11 h 11"/>
                <a:gd name="T2" fmla="*/ 6 w 49"/>
                <a:gd name="T3" fmla="*/ 11 h 11"/>
                <a:gd name="T4" fmla="*/ 6 w 49"/>
                <a:gd name="T5" fmla="*/ 11 h 11"/>
                <a:gd name="T6" fmla="*/ 4 w 49"/>
                <a:gd name="T7" fmla="*/ 11 h 11"/>
                <a:gd name="T8" fmla="*/ 3 w 49"/>
                <a:gd name="T9" fmla="*/ 9 h 11"/>
                <a:gd name="T10" fmla="*/ 2 w 49"/>
                <a:gd name="T11" fmla="*/ 7 h 11"/>
                <a:gd name="T12" fmla="*/ 0 w 49"/>
                <a:gd name="T13" fmla="*/ 5 h 11"/>
                <a:gd name="T14" fmla="*/ 0 w 49"/>
                <a:gd name="T15" fmla="*/ 5 h 11"/>
                <a:gd name="T16" fmla="*/ 2 w 49"/>
                <a:gd name="T17" fmla="*/ 4 h 11"/>
                <a:gd name="T18" fmla="*/ 3 w 49"/>
                <a:gd name="T19" fmla="*/ 1 h 11"/>
                <a:gd name="T20" fmla="*/ 4 w 49"/>
                <a:gd name="T21" fmla="*/ 0 h 11"/>
                <a:gd name="T22" fmla="*/ 6 w 49"/>
                <a:gd name="T23" fmla="*/ 0 h 11"/>
                <a:gd name="T24" fmla="*/ 43 w 49"/>
                <a:gd name="T25" fmla="*/ 0 h 11"/>
                <a:gd name="T26" fmla="*/ 43 w 49"/>
                <a:gd name="T27" fmla="*/ 0 h 11"/>
                <a:gd name="T28" fmla="*/ 44 w 49"/>
                <a:gd name="T29" fmla="*/ 0 h 11"/>
                <a:gd name="T30" fmla="*/ 46 w 49"/>
                <a:gd name="T31" fmla="*/ 1 h 11"/>
                <a:gd name="T32" fmla="*/ 48 w 49"/>
                <a:gd name="T33" fmla="*/ 4 h 11"/>
                <a:gd name="T34" fmla="*/ 49 w 49"/>
                <a:gd name="T35" fmla="*/ 5 h 11"/>
                <a:gd name="T36" fmla="*/ 49 w 49"/>
                <a:gd name="T37" fmla="*/ 5 h 11"/>
                <a:gd name="T38" fmla="*/ 48 w 49"/>
                <a:gd name="T39" fmla="*/ 7 h 11"/>
                <a:gd name="T40" fmla="*/ 46 w 49"/>
                <a:gd name="T41" fmla="*/ 9 h 11"/>
                <a:gd name="T42" fmla="*/ 44 w 49"/>
                <a:gd name="T43" fmla="*/ 11 h 11"/>
                <a:gd name="T44" fmla="*/ 43 w 49"/>
                <a:gd name="T45" fmla="*/ 11 h 11"/>
                <a:gd name="T46" fmla="*/ 43 w 49"/>
                <a:gd name="T47" fmla="*/ 11 h 1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49" h="11">
                  <a:moveTo>
                    <a:pt x="43" y="11"/>
                  </a:moveTo>
                  <a:lnTo>
                    <a:pt x="6" y="11"/>
                  </a:lnTo>
                  <a:lnTo>
                    <a:pt x="6" y="11"/>
                  </a:lnTo>
                  <a:lnTo>
                    <a:pt x="4" y="11"/>
                  </a:lnTo>
                  <a:lnTo>
                    <a:pt x="3" y="9"/>
                  </a:lnTo>
                  <a:lnTo>
                    <a:pt x="2" y="7"/>
                  </a:lnTo>
                  <a:lnTo>
                    <a:pt x="0" y="5"/>
                  </a:lnTo>
                  <a:lnTo>
                    <a:pt x="0" y="5"/>
                  </a:lnTo>
                  <a:lnTo>
                    <a:pt x="2" y="4"/>
                  </a:lnTo>
                  <a:lnTo>
                    <a:pt x="3" y="1"/>
                  </a:lnTo>
                  <a:lnTo>
                    <a:pt x="4" y="0"/>
                  </a:lnTo>
                  <a:lnTo>
                    <a:pt x="6" y="0"/>
                  </a:lnTo>
                  <a:lnTo>
                    <a:pt x="43" y="0"/>
                  </a:lnTo>
                  <a:lnTo>
                    <a:pt x="43" y="0"/>
                  </a:lnTo>
                  <a:lnTo>
                    <a:pt x="44" y="0"/>
                  </a:lnTo>
                  <a:lnTo>
                    <a:pt x="46" y="1"/>
                  </a:lnTo>
                  <a:lnTo>
                    <a:pt x="48" y="4"/>
                  </a:lnTo>
                  <a:lnTo>
                    <a:pt x="49" y="5"/>
                  </a:lnTo>
                  <a:lnTo>
                    <a:pt x="49" y="5"/>
                  </a:lnTo>
                  <a:lnTo>
                    <a:pt x="48" y="7"/>
                  </a:lnTo>
                  <a:lnTo>
                    <a:pt x="46" y="9"/>
                  </a:lnTo>
                  <a:lnTo>
                    <a:pt x="44" y="11"/>
                  </a:lnTo>
                  <a:lnTo>
                    <a:pt x="43" y="11"/>
                  </a:lnTo>
                  <a:lnTo>
                    <a:pt x="43" y="11"/>
                  </a:lnTo>
                  <a:close/>
                </a:path>
              </a:pathLst>
            </a:custGeom>
            <a:solidFill>
              <a:srgbClr val="4B87E0"/>
            </a:solidFill>
            <a:ln>
              <a:noFill/>
            </a:ln>
          </p:spPr>
          <p:txBody>
            <a:bodyPr vert="horz" wrap="square" lIns="91440" tIns="45720" rIns="91440" bIns="45720" numCol="1" anchor="t" anchorCtr="0" compatLnSpc="1">
              <a:prstTxWarp prst="textNoShape">
                <a:avLst/>
              </a:prstTxWarp>
            </a:bodyPr>
            <a:lstStyle/>
            <a:p>
              <a:endParaRPr lang="en-ID" dirty="0"/>
            </a:p>
          </p:txBody>
        </p:sp>
      </p:grpSp>
      <p:grpSp>
        <p:nvGrpSpPr>
          <p:cNvPr id="72" name="Group 71">
            <a:extLst>
              <a:ext uri="{FF2B5EF4-FFF2-40B4-BE49-F238E27FC236}">
                <a16:creationId xmlns:a16="http://schemas.microsoft.com/office/drawing/2014/main" id="{B4076E7B-248D-8D84-A7F6-6366353699DA}"/>
              </a:ext>
            </a:extLst>
          </p:cNvPr>
          <p:cNvGrpSpPr/>
          <p:nvPr/>
        </p:nvGrpSpPr>
        <p:grpSpPr>
          <a:xfrm>
            <a:off x="588606" y="5181600"/>
            <a:ext cx="438824" cy="308208"/>
            <a:chOff x="11041745" y="748805"/>
            <a:chExt cx="604122" cy="424305"/>
          </a:xfrm>
        </p:grpSpPr>
        <p:sp>
          <p:nvSpPr>
            <p:cNvPr id="73" name="Freeform: Shape 72">
              <a:extLst>
                <a:ext uri="{FF2B5EF4-FFF2-40B4-BE49-F238E27FC236}">
                  <a16:creationId xmlns:a16="http://schemas.microsoft.com/office/drawing/2014/main" id="{34B59C14-BE52-BB84-27F9-02F21E44271C}"/>
                </a:ext>
              </a:extLst>
            </p:cNvPr>
            <p:cNvSpPr/>
            <p:nvPr/>
          </p:nvSpPr>
          <p:spPr>
            <a:xfrm>
              <a:off x="11329358" y="858599"/>
              <a:ext cx="230424" cy="198647"/>
            </a:xfrm>
            <a:custGeom>
              <a:avLst/>
              <a:gdLst>
                <a:gd name="connsiteX0" fmla="*/ 194635 w 230424"/>
                <a:gd name="connsiteY0" fmla="*/ 198647 h 198647"/>
                <a:gd name="connsiteX1" fmla="*/ 175440 w 230424"/>
                <a:gd name="connsiteY1" fmla="*/ 192983 h 198647"/>
                <a:gd name="connsiteX2" fmla="*/ 44849 w 230424"/>
                <a:gd name="connsiteY2" fmla="*/ 109279 h 198647"/>
                <a:gd name="connsiteX3" fmla="*/ 42457 w 230424"/>
                <a:gd name="connsiteY3" fmla="*/ 98454 h 198647"/>
                <a:gd name="connsiteX4" fmla="*/ 53282 w 230424"/>
                <a:gd name="connsiteY4" fmla="*/ 96062 h 198647"/>
                <a:gd name="connsiteX5" fmla="*/ 183873 w 230424"/>
                <a:gd name="connsiteY5" fmla="*/ 179766 h 198647"/>
                <a:gd name="connsiteX6" fmla="*/ 211628 w 230424"/>
                <a:gd name="connsiteY6" fmla="*/ 173725 h 198647"/>
                <a:gd name="connsiteX7" fmla="*/ 205586 w 230424"/>
                <a:gd name="connsiteY7" fmla="*/ 145970 h 198647"/>
                <a:gd name="connsiteX8" fmla="*/ 3563 w 230424"/>
                <a:gd name="connsiteY8" fmla="*/ 14372 h 198647"/>
                <a:gd name="connsiteX9" fmla="*/ 1297 w 230424"/>
                <a:gd name="connsiteY9" fmla="*/ 3547 h 198647"/>
                <a:gd name="connsiteX10" fmla="*/ 12122 w 230424"/>
                <a:gd name="connsiteY10" fmla="*/ 1281 h 198647"/>
                <a:gd name="connsiteX11" fmla="*/ 214019 w 230424"/>
                <a:gd name="connsiteY11" fmla="*/ 132879 h 198647"/>
                <a:gd name="connsiteX12" fmla="*/ 224781 w 230424"/>
                <a:gd name="connsiteY12" fmla="*/ 182221 h 198647"/>
                <a:gd name="connsiteX13" fmla="*/ 202313 w 230424"/>
                <a:gd name="connsiteY13" fmla="*/ 197829 h 198647"/>
                <a:gd name="connsiteX14" fmla="*/ 194635 w 230424"/>
                <a:gd name="connsiteY14" fmla="*/ 198647 h 1986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30424" h="198647">
                  <a:moveTo>
                    <a:pt x="194635" y="198647"/>
                  </a:moveTo>
                  <a:cubicBezTo>
                    <a:pt x="187838" y="198647"/>
                    <a:pt x="181230" y="196696"/>
                    <a:pt x="175440" y="192983"/>
                  </a:cubicBezTo>
                  <a:lnTo>
                    <a:pt x="44849" y="109279"/>
                  </a:lnTo>
                  <a:cubicBezTo>
                    <a:pt x="41198" y="106950"/>
                    <a:pt x="40128" y="102104"/>
                    <a:pt x="42457" y="98454"/>
                  </a:cubicBezTo>
                  <a:cubicBezTo>
                    <a:pt x="44786" y="94803"/>
                    <a:pt x="49632" y="93734"/>
                    <a:pt x="53282" y="96062"/>
                  </a:cubicBezTo>
                  <a:lnTo>
                    <a:pt x="183873" y="179766"/>
                  </a:lnTo>
                  <a:cubicBezTo>
                    <a:pt x="193188" y="185745"/>
                    <a:pt x="205649" y="183039"/>
                    <a:pt x="211628" y="173725"/>
                  </a:cubicBezTo>
                  <a:cubicBezTo>
                    <a:pt x="217607" y="164410"/>
                    <a:pt x="214900" y="151949"/>
                    <a:pt x="205586" y="145970"/>
                  </a:cubicBezTo>
                  <a:lnTo>
                    <a:pt x="3563" y="14372"/>
                  </a:lnTo>
                  <a:cubicBezTo>
                    <a:pt x="-87" y="11980"/>
                    <a:pt x="-1094" y="7134"/>
                    <a:pt x="1297" y="3547"/>
                  </a:cubicBezTo>
                  <a:cubicBezTo>
                    <a:pt x="3689" y="-40"/>
                    <a:pt x="8535" y="-1110"/>
                    <a:pt x="12122" y="1281"/>
                  </a:cubicBezTo>
                  <a:lnTo>
                    <a:pt x="214019" y="132879"/>
                  </a:lnTo>
                  <a:cubicBezTo>
                    <a:pt x="230571" y="143453"/>
                    <a:pt x="235417" y="165606"/>
                    <a:pt x="224781" y="182221"/>
                  </a:cubicBezTo>
                  <a:cubicBezTo>
                    <a:pt x="219621" y="190277"/>
                    <a:pt x="211691" y="195815"/>
                    <a:pt x="202313" y="197829"/>
                  </a:cubicBezTo>
                  <a:cubicBezTo>
                    <a:pt x="199796" y="198395"/>
                    <a:pt x="197215" y="198647"/>
                    <a:pt x="194635" y="198647"/>
                  </a:cubicBezTo>
                </a:path>
              </a:pathLst>
            </a:custGeom>
            <a:solidFill>
              <a:schemeClr val="tx1"/>
            </a:solidFill>
            <a:ln w="6251" cap="flat">
              <a:noFill/>
              <a:prstDash val="solid"/>
              <a:miter/>
            </a:ln>
          </p:spPr>
          <p:txBody>
            <a:bodyPr rtlCol="0" anchor="ctr"/>
            <a:lstStyle/>
            <a:p>
              <a:endParaRPr lang="en-US" dirty="0"/>
            </a:p>
          </p:txBody>
        </p:sp>
        <p:sp>
          <p:nvSpPr>
            <p:cNvPr id="74" name="Freeform: Shape 73">
              <a:extLst>
                <a:ext uri="{FF2B5EF4-FFF2-40B4-BE49-F238E27FC236}">
                  <a16:creationId xmlns:a16="http://schemas.microsoft.com/office/drawing/2014/main" id="{2405A543-100D-35D6-6165-5D00FBE5F7D4}"/>
                </a:ext>
              </a:extLst>
            </p:cNvPr>
            <p:cNvSpPr/>
            <p:nvPr/>
          </p:nvSpPr>
          <p:spPr>
            <a:xfrm>
              <a:off x="11363912" y="968408"/>
              <a:ext cx="197019" cy="155927"/>
            </a:xfrm>
            <a:custGeom>
              <a:avLst/>
              <a:gdLst>
                <a:gd name="connsiteX0" fmla="*/ 161214 w 197019"/>
                <a:gd name="connsiteY0" fmla="*/ 155927 h 155927"/>
                <a:gd name="connsiteX1" fmla="*/ 142019 w 197019"/>
                <a:gd name="connsiteY1" fmla="*/ 150263 h 155927"/>
                <a:gd name="connsiteX2" fmla="*/ 3623 w 197019"/>
                <a:gd name="connsiteY2" fmla="*/ 61524 h 155927"/>
                <a:gd name="connsiteX3" fmla="*/ 1232 w 197019"/>
                <a:gd name="connsiteY3" fmla="*/ 50699 h 155927"/>
                <a:gd name="connsiteX4" fmla="*/ 12057 w 197019"/>
                <a:gd name="connsiteY4" fmla="*/ 48308 h 155927"/>
                <a:gd name="connsiteX5" fmla="*/ 150452 w 197019"/>
                <a:gd name="connsiteY5" fmla="*/ 137047 h 155927"/>
                <a:gd name="connsiteX6" fmla="*/ 165556 w 197019"/>
                <a:gd name="connsiteY6" fmla="*/ 139753 h 155927"/>
                <a:gd name="connsiteX7" fmla="*/ 178206 w 197019"/>
                <a:gd name="connsiteY7" fmla="*/ 130942 h 155927"/>
                <a:gd name="connsiteX8" fmla="*/ 172165 w 197019"/>
                <a:gd name="connsiteY8" fmla="*/ 103187 h 155927"/>
                <a:gd name="connsiteX9" fmla="*/ 33769 w 197019"/>
                <a:gd name="connsiteY9" fmla="*/ 14448 h 155927"/>
                <a:gd name="connsiteX10" fmla="*/ 31378 w 197019"/>
                <a:gd name="connsiteY10" fmla="*/ 3623 h 155927"/>
                <a:gd name="connsiteX11" fmla="*/ 42203 w 197019"/>
                <a:gd name="connsiteY11" fmla="*/ 1232 h 155927"/>
                <a:gd name="connsiteX12" fmla="*/ 180598 w 197019"/>
                <a:gd name="connsiteY12" fmla="*/ 89971 h 155927"/>
                <a:gd name="connsiteX13" fmla="*/ 191360 w 197019"/>
                <a:gd name="connsiteY13" fmla="*/ 139312 h 155927"/>
                <a:gd name="connsiteX14" fmla="*/ 168892 w 197019"/>
                <a:gd name="connsiteY14" fmla="*/ 154920 h 155927"/>
                <a:gd name="connsiteX15" fmla="*/ 161214 w 197019"/>
                <a:gd name="connsiteY15" fmla="*/ 155927 h 1559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97019" h="155927">
                  <a:moveTo>
                    <a:pt x="161214" y="155927"/>
                  </a:moveTo>
                  <a:cubicBezTo>
                    <a:pt x="154417" y="155927"/>
                    <a:pt x="147809" y="153976"/>
                    <a:pt x="142019" y="150263"/>
                  </a:cubicBezTo>
                  <a:lnTo>
                    <a:pt x="3623" y="61524"/>
                  </a:lnTo>
                  <a:cubicBezTo>
                    <a:pt x="-27" y="59195"/>
                    <a:pt x="-1097" y="54349"/>
                    <a:pt x="1232" y="50699"/>
                  </a:cubicBezTo>
                  <a:cubicBezTo>
                    <a:pt x="3560" y="47049"/>
                    <a:pt x="8406" y="45979"/>
                    <a:pt x="12057" y="48308"/>
                  </a:cubicBezTo>
                  <a:lnTo>
                    <a:pt x="150452" y="137047"/>
                  </a:lnTo>
                  <a:cubicBezTo>
                    <a:pt x="154983" y="139942"/>
                    <a:pt x="160333" y="140886"/>
                    <a:pt x="165556" y="139753"/>
                  </a:cubicBezTo>
                  <a:cubicBezTo>
                    <a:pt x="170780" y="138620"/>
                    <a:pt x="175311" y="135473"/>
                    <a:pt x="178206" y="130942"/>
                  </a:cubicBezTo>
                  <a:cubicBezTo>
                    <a:pt x="184185" y="121627"/>
                    <a:pt x="181479" y="109166"/>
                    <a:pt x="172165" y="103187"/>
                  </a:cubicBezTo>
                  <a:lnTo>
                    <a:pt x="33769" y="14448"/>
                  </a:lnTo>
                  <a:cubicBezTo>
                    <a:pt x="30119" y="12120"/>
                    <a:pt x="29049" y="7274"/>
                    <a:pt x="31378" y="3623"/>
                  </a:cubicBezTo>
                  <a:cubicBezTo>
                    <a:pt x="33706" y="-27"/>
                    <a:pt x="38553" y="-1097"/>
                    <a:pt x="42203" y="1232"/>
                  </a:cubicBezTo>
                  <a:lnTo>
                    <a:pt x="180598" y="89971"/>
                  </a:lnTo>
                  <a:cubicBezTo>
                    <a:pt x="197213" y="100607"/>
                    <a:pt x="201996" y="122760"/>
                    <a:pt x="191360" y="139312"/>
                  </a:cubicBezTo>
                  <a:cubicBezTo>
                    <a:pt x="186199" y="147368"/>
                    <a:pt x="178269" y="152906"/>
                    <a:pt x="168892" y="154920"/>
                  </a:cubicBezTo>
                  <a:cubicBezTo>
                    <a:pt x="166375" y="155613"/>
                    <a:pt x="163794" y="155927"/>
                    <a:pt x="161214" y="155927"/>
                  </a:cubicBezTo>
                </a:path>
              </a:pathLst>
            </a:custGeom>
            <a:solidFill>
              <a:schemeClr val="tx1"/>
            </a:solidFill>
            <a:ln w="6251" cap="flat">
              <a:noFill/>
              <a:prstDash val="solid"/>
              <a:miter/>
            </a:ln>
          </p:spPr>
          <p:txBody>
            <a:bodyPr rtlCol="0" anchor="ctr"/>
            <a:lstStyle/>
            <a:p>
              <a:endParaRPr lang="en-US" dirty="0"/>
            </a:p>
          </p:txBody>
        </p:sp>
        <p:sp>
          <p:nvSpPr>
            <p:cNvPr id="75" name="Freeform: Shape 74">
              <a:extLst>
                <a:ext uri="{FF2B5EF4-FFF2-40B4-BE49-F238E27FC236}">
                  <a16:creationId xmlns:a16="http://schemas.microsoft.com/office/drawing/2014/main" id="{D7C97DD1-C18C-2DDC-59BA-5AE8C4BEEF55}"/>
                </a:ext>
              </a:extLst>
            </p:cNvPr>
            <p:cNvSpPr/>
            <p:nvPr/>
          </p:nvSpPr>
          <p:spPr>
            <a:xfrm>
              <a:off x="11041745" y="770510"/>
              <a:ext cx="254021" cy="238654"/>
            </a:xfrm>
            <a:custGeom>
              <a:avLst/>
              <a:gdLst>
                <a:gd name="connsiteX0" fmla="*/ 110299 w 254021"/>
                <a:gd name="connsiteY0" fmla="*/ 238654 h 238654"/>
                <a:gd name="connsiteX1" fmla="*/ 104761 w 254021"/>
                <a:gd name="connsiteY1" fmla="*/ 236325 h 238654"/>
                <a:gd name="connsiteX2" fmla="*/ 3372 w 254021"/>
                <a:gd name="connsiteY2" fmla="*/ 164579 h 238654"/>
                <a:gd name="connsiteX3" fmla="*/ 1232 w 254021"/>
                <a:gd name="connsiteY3" fmla="*/ 153943 h 238654"/>
                <a:gd name="connsiteX4" fmla="*/ 97901 w 254021"/>
                <a:gd name="connsiteY4" fmla="*/ 3590 h 238654"/>
                <a:gd name="connsiteX5" fmla="*/ 108348 w 254021"/>
                <a:gd name="connsiteY5" fmla="*/ 1010 h 238654"/>
                <a:gd name="connsiteX6" fmla="*/ 148249 w 254021"/>
                <a:gd name="connsiteY6" fmla="*/ 25428 h 238654"/>
                <a:gd name="connsiteX7" fmla="*/ 249072 w 254021"/>
                <a:gd name="connsiteY7" fmla="*/ 7114 h 238654"/>
                <a:gd name="connsiteX8" fmla="*/ 253477 w 254021"/>
                <a:gd name="connsiteY8" fmla="*/ 17310 h 238654"/>
                <a:gd name="connsiteX9" fmla="*/ 243345 w 254021"/>
                <a:gd name="connsiteY9" fmla="*/ 21715 h 238654"/>
                <a:gd name="connsiteX10" fmla="*/ 153158 w 254021"/>
                <a:gd name="connsiteY10" fmla="*/ 41162 h 238654"/>
                <a:gd name="connsiteX11" fmla="*/ 144032 w 254021"/>
                <a:gd name="connsiteY11" fmla="*/ 41414 h 238654"/>
                <a:gd name="connsiteX12" fmla="*/ 107089 w 254021"/>
                <a:gd name="connsiteY12" fmla="*/ 18380 h 238654"/>
                <a:gd name="connsiteX13" fmla="*/ 18476 w 254021"/>
                <a:gd name="connsiteY13" fmla="*/ 156020 h 238654"/>
                <a:gd name="connsiteX14" fmla="*/ 115900 w 254021"/>
                <a:gd name="connsiteY14" fmla="*/ 225375 h 238654"/>
                <a:gd name="connsiteX15" fmla="*/ 115712 w 254021"/>
                <a:gd name="connsiteY15" fmla="*/ 236451 h 238654"/>
                <a:gd name="connsiteX16" fmla="*/ 110299 w 254021"/>
                <a:gd name="connsiteY16" fmla="*/ 238654 h 238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54021" h="238654">
                  <a:moveTo>
                    <a:pt x="110299" y="238654"/>
                  </a:moveTo>
                  <a:cubicBezTo>
                    <a:pt x="108285" y="238654"/>
                    <a:pt x="106271" y="237899"/>
                    <a:pt x="104761" y="236325"/>
                  </a:cubicBezTo>
                  <a:cubicBezTo>
                    <a:pt x="99915" y="231857"/>
                    <a:pt x="40063" y="190005"/>
                    <a:pt x="3372" y="164579"/>
                  </a:cubicBezTo>
                  <a:cubicBezTo>
                    <a:pt x="-90" y="162187"/>
                    <a:pt x="-1034" y="157467"/>
                    <a:pt x="1232" y="153943"/>
                  </a:cubicBezTo>
                  <a:lnTo>
                    <a:pt x="97901" y="3590"/>
                  </a:lnTo>
                  <a:cubicBezTo>
                    <a:pt x="100166" y="65"/>
                    <a:pt x="104761" y="-1004"/>
                    <a:pt x="108348" y="1010"/>
                  </a:cubicBezTo>
                  <a:cubicBezTo>
                    <a:pt x="109229" y="1513"/>
                    <a:pt x="129117" y="12841"/>
                    <a:pt x="148249" y="25428"/>
                  </a:cubicBezTo>
                  <a:cubicBezTo>
                    <a:pt x="162473" y="15925"/>
                    <a:pt x="206842" y="-9627"/>
                    <a:pt x="249072" y="7114"/>
                  </a:cubicBezTo>
                  <a:cubicBezTo>
                    <a:pt x="253100" y="8688"/>
                    <a:pt x="255051" y="13282"/>
                    <a:pt x="253477" y="17310"/>
                  </a:cubicBezTo>
                  <a:cubicBezTo>
                    <a:pt x="251904" y="21338"/>
                    <a:pt x="247373" y="23289"/>
                    <a:pt x="243345" y="21715"/>
                  </a:cubicBezTo>
                  <a:cubicBezTo>
                    <a:pt x="201304" y="5037"/>
                    <a:pt x="153599" y="40785"/>
                    <a:pt x="153158" y="41162"/>
                  </a:cubicBezTo>
                  <a:cubicBezTo>
                    <a:pt x="150515" y="43176"/>
                    <a:pt x="146802" y="43302"/>
                    <a:pt x="144032" y="41414"/>
                  </a:cubicBezTo>
                  <a:cubicBezTo>
                    <a:pt x="130501" y="32288"/>
                    <a:pt x="115397" y="23289"/>
                    <a:pt x="107089" y="18380"/>
                  </a:cubicBezTo>
                  <a:lnTo>
                    <a:pt x="18476" y="156020"/>
                  </a:lnTo>
                  <a:cubicBezTo>
                    <a:pt x="46545" y="175530"/>
                    <a:pt x="111306" y="220592"/>
                    <a:pt x="115900" y="225375"/>
                  </a:cubicBezTo>
                  <a:cubicBezTo>
                    <a:pt x="118921" y="228458"/>
                    <a:pt x="118795" y="233430"/>
                    <a:pt x="115712" y="236451"/>
                  </a:cubicBezTo>
                  <a:cubicBezTo>
                    <a:pt x="114201" y="237899"/>
                    <a:pt x="112250" y="238654"/>
                    <a:pt x="110299" y="238654"/>
                  </a:cubicBezTo>
                </a:path>
              </a:pathLst>
            </a:custGeom>
            <a:solidFill>
              <a:schemeClr val="tx1"/>
            </a:solidFill>
            <a:ln w="6251" cap="flat">
              <a:noFill/>
              <a:prstDash val="solid"/>
              <a:miter/>
            </a:ln>
          </p:spPr>
          <p:txBody>
            <a:bodyPr rtlCol="0" anchor="ctr"/>
            <a:lstStyle/>
            <a:p>
              <a:endParaRPr lang="en-US" dirty="0"/>
            </a:p>
          </p:txBody>
        </p:sp>
        <p:sp>
          <p:nvSpPr>
            <p:cNvPr id="76" name="Freeform: Shape 75">
              <a:extLst>
                <a:ext uri="{FF2B5EF4-FFF2-40B4-BE49-F238E27FC236}">
                  <a16:creationId xmlns:a16="http://schemas.microsoft.com/office/drawing/2014/main" id="{F8FA4BA4-7C05-563D-C8BA-3FA921E7F561}"/>
                </a:ext>
              </a:extLst>
            </p:cNvPr>
            <p:cNvSpPr/>
            <p:nvPr/>
          </p:nvSpPr>
          <p:spPr>
            <a:xfrm>
              <a:off x="11326736" y="1059665"/>
              <a:ext cx="107837" cy="113445"/>
            </a:xfrm>
            <a:custGeom>
              <a:avLst/>
              <a:gdLst>
                <a:gd name="connsiteX0" fmla="*/ 72078 w 107837"/>
                <a:gd name="connsiteY0" fmla="*/ 113446 h 113445"/>
                <a:gd name="connsiteX1" fmla="*/ 52883 w 107837"/>
                <a:gd name="connsiteY1" fmla="*/ 107782 h 113445"/>
                <a:gd name="connsiteX2" fmla="*/ 3982 w 107837"/>
                <a:gd name="connsiteY2" fmla="*/ 79964 h 113445"/>
                <a:gd name="connsiteX3" fmla="*/ 1024 w 107837"/>
                <a:gd name="connsiteY3" fmla="*/ 69265 h 113445"/>
                <a:gd name="connsiteX4" fmla="*/ 11723 w 107837"/>
                <a:gd name="connsiteY4" fmla="*/ 66307 h 113445"/>
                <a:gd name="connsiteX5" fmla="*/ 60939 w 107837"/>
                <a:gd name="connsiteY5" fmla="*/ 94313 h 113445"/>
                <a:gd name="connsiteX6" fmla="*/ 76421 w 107837"/>
                <a:gd name="connsiteY6" fmla="*/ 97208 h 113445"/>
                <a:gd name="connsiteX7" fmla="*/ 89008 w 107837"/>
                <a:gd name="connsiteY7" fmla="*/ 88460 h 113445"/>
                <a:gd name="connsiteX8" fmla="*/ 82966 w 107837"/>
                <a:gd name="connsiteY8" fmla="*/ 60706 h 113445"/>
                <a:gd name="connsiteX9" fmla="*/ 10779 w 107837"/>
                <a:gd name="connsiteY9" fmla="*/ 14448 h 113445"/>
                <a:gd name="connsiteX10" fmla="*/ 8387 w 107837"/>
                <a:gd name="connsiteY10" fmla="*/ 3623 h 113445"/>
                <a:gd name="connsiteX11" fmla="*/ 19212 w 107837"/>
                <a:gd name="connsiteY11" fmla="*/ 1232 h 113445"/>
                <a:gd name="connsiteX12" fmla="*/ 91399 w 107837"/>
                <a:gd name="connsiteY12" fmla="*/ 47489 h 113445"/>
                <a:gd name="connsiteX13" fmla="*/ 102224 w 107837"/>
                <a:gd name="connsiteY13" fmla="*/ 96831 h 113445"/>
                <a:gd name="connsiteX14" fmla="*/ 79756 w 107837"/>
                <a:gd name="connsiteY14" fmla="*/ 112439 h 113445"/>
                <a:gd name="connsiteX15" fmla="*/ 72078 w 107837"/>
                <a:gd name="connsiteY15" fmla="*/ 113446 h 1134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07837" h="113445">
                  <a:moveTo>
                    <a:pt x="72078" y="113446"/>
                  </a:moveTo>
                  <a:cubicBezTo>
                    <a:pt x="65281" y="113446"/>
                    <a:pt x="58673" y="111495"/>
                    <a:pt x="52883" y="107782"/>
                  </a:cubicBezTo>
                  <a:lnTo>
                    <a:pt x="3982" y="79964"/>
                  </a:lnTo>
                  <a:cubicBezTo>
                    <a:pt x="206" y="77824"/>
                    <a:pt x="-1116" y="73041"/>
                    <a:pt x="1024" y="69265"/>
                  </a:cubicBezTo>
                  <a:cubicBezTo>
                    <a:pt x="3164" y="65489"/>
                    <a:pt x="7947" y="64230"/>
                    <a:pt x="11723" y="66307"/>
                  </a:cubicBezTo>
                  <a:lnTo>
                    <a:pt x="60939" y="94313"/>
                  </a:lnTo>
                  <a:cubicBezTo>
                    <a:pt x="65785" y="97397"/>
                    <a:pt x="71197" y="98404"/>
                    <a:pt x="76421" y="97208"/>
                  </a:cubicBezTo>
                  <a:cubicBezTo>
                    <a:pt x="81644" y="96076"/>
                    <a:pt x="86113" y="92929"/>
                    <a:pt x="89008" y="88460"/>
                  </a:cubicBezTo>
                  <a:cubicBezTo>
                    <a:pt x="94987" y="79146"/>
                    <a:pt x="92281" y="66685"/>
                    <a:pt x="82966" y="60706"/>
                  </a:cubicBezTo>
                  <a:lnTo>
                    <a:pt x="10779" y="14448"/>
                  </a:lnTo>
                  <a:cubicBezTo>
                    <a:pt x="7129" y="12120"/>
                    <a:pt x="6059" y="7274"/>
                    <a:pt x="8387" y="3623"/>
                  </a:cubicBezTo>
                  <a:cubicBezTo>
                    <a:pt x="10716" y="-27"/>
                    <a:pt x="15562" y="-1097"/>
                    <a:pt x="19212" y="1232"/>
                  </a:cubicBezTo>
                  <a:lnTo>
                    <a:pt x="91399" y="47489"/>
                  </a:lnTo>
                  <a:cubicBezTo>
                    <a:pt x="108014" y="58125"/>
                    <a:pt x="112798" y="80279"/>
                    <a:pt x="102224" y="96831"/>
                  </a:cubicBezTo>
                  <a:cubicBezTo>
                    <a:pt x="97064" y="104887"/>
                    <a:pt x="89134" y="110425"/>
                    <a:pt x="79756" y="112439"/>
                  </a:cubicBezTo>
                  <a:cubicBezTo>
                    <a:pt x="77239" y="113131"/>
                    <a:pt x="74659" y="113446"/>
                    <a:pt x="72078" y="113446"/>
                  </a:cubicBezTo>
                </a:path>
              </a:pathLst>
            </a:custGeom>
            <a:solidFill>
              <a:schemeClr val="tx1"/>
            </a:solidFill>
            <a:ln w="6251" cap="flat">
              <a:noFill/>
              <a:prstDash val="solid"/>
              <a:miter/>
            </a:ln>
          </p:spPr>
          <p:txBody>
            <a:bodyPr rtlCol="0" anchor="ctr"/>
            <a:lstStyle/>
            <a:p>
              <a:endParaRPr lang="en-US" dirty="0"/>
            </a:p>
          </p:txBody>
        </p:sp>
        <p:sp>
          <p:nvSpPr>
            <p:cNvPr id="77" name="Freeform: Shape 76">
              <a:extLst>
                <a:ext uri="{FF2B5EF4-FFF2-40B4-BE49-F238E27FC236}">
                  <a16:creationId xmlns:a16="http://schemas.microsoft.com/office/drawing/2014/main" id="{C8310E03-26BC-34B6-3094-33B67744FD90}"/>
                </a:ext>
              </a:extLst>
            </p:cNvPr>
            <p:cNvSpPr/>
            <p:nvPr/>
          </p:nvSpPr>
          <p:spPr>
            <a:xfrm>
              <a:off x="11340437" y="1000443"/>
              <a:ext cx="162295" cy="152780"/>
            </a:xfrm>
            <a:custGeom>
              <a:avLst/>
              <a:gdLst>
                <a:gd name="connsiteX0" fmla="*/ 129368 w 162295"/>
                <a:gd name="connsiteY0" fmla="*/ 152780 h 152780"/>
                <a:gd name="connsiteX1" fmla="*/ 110362 w 162295"/>
                <a:gd name="connsiteY1" fmla="*/ 147431 h 152780"/>
                <a:gd name="connsiteX2" fmla="*/ 109796 w 162295"/>
                <a:gd name="connsiteY2" fmla="*/ 147053 h 152780"/>
                <a:gd name="connsiteX3" fmla="*/ 69202 w 162295"/>
                <a:gd name="connsiteY3" fmla="*/ 119865 h 152780"/>
                <a:gd name="connsiteX4" fmla="*/ 67062 w 162295"/>
                <a:gd name="connsiteY4" fmla="*/ 108977 h 152780"/>
                <a:gd name="connsiteX5" fmla="*/ 77950 w 162295"/>
                <a:gd name="connsiteY5" fmla="*/ 106838 h 152780"/>
                <a:gd name="connsiteX6" fmla="*/ 118229 w 162295"/>
                <a:gd name="connsiteY6" fmla="*/ 133837 h 152780"/>
                <a:gd name="connsiteX7" fmla="*/ 143529 w 162295"/>
                <a:gd name="connsiteY7" fmla="*/ 127858 h 152780"/>
                <a:gd name="connsiteX8" fmla="*/ 137487 w 162295"/>
                <a:gd name="connsiteY8" fmla="*/ 100103 h 152780"/>
                <a:gd name="connsiteX9" fmla="*/ 3623 w 162295"/>
                <a:gd name="connsiteY9" fmla="*/ 14448 h 152780"/>
                <a:gd name="connsiteX10" fmla="*/ 1232 w 162295"/>
                <a:gd name="connsiteY10" fmla="*/ 3623 h 152780"/>
                <a:gd name="connsiteX11" fmla="*/ 12057 w 162295"/>
                <a:gd name="connsiteY11" fmla="*/ 1232 h 152780"/>
                <a:gd name="connsiteX12" fmla="*/ 145858 w 162295"/>
                <a:gd name="connsiteY12" fmla="*/ 87013 h 152780"/>
                <a:gd name="connsiteX13" fmla="*/ 156683 w 162295"/>
                <a:gd name="connsiteY13" fmla="*/ 136417 h 152780"/>
                <a:gd name="connsiteX14" fmla="*/ 129368 w 162295"/>
                <a:gd name="connsiteY14" fmla="*/ 152780 h 1527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62295" h="152780">
                  <a:moveTo>
                    <a:pt x="129368" y="152780"/>
                  </a:moveTo>
                  <a:cubicBezTo>
                    <a:pt x="123327" y="152780"/>
                    <a:pt x="116907" y="151018"/>
                    <a:pt x="110362" y="147431"/>
                  </a:cubicBezTo>
                  <a:cubicBezTo>
                    <a:pt x="110173" y="147305"/>
                    <a:pt x="109984" y="147179"/>
                    <a:pt x="109796" y="147053"/>
                  </a:cubicBezTo>
                  <a:lnTo>
                    <a:pt x="69202" y="119865"/>
                  </a:lnTo>
                  <a:cubicBezTo>
                    <a:pt x="65615" y="117474"/>
                    <a:pt x="64608" y="112628"/>
                    <a:pt x="67062" y="108977"/>
                  </a:cubicBezTo>
                  <a:cubicBezTo>
                    <a:pt x="69454" y="105390"/>
                    <a:pt x="74363" y="104446"/>
                    <a:pt x="77950" y="106838"/>
                  </a:cubicBezTo>
                  <a:lnTo>
                    <a:pt x="118229" y="133837"/>
                  </a:lnTo>
                  <a:cubicBezTo>
                    <a:pt x="129117" y="139690"/>
                    <a:pt x="137173" y="137802"/>
                    <a:pt x="143529" y="127858"/>
                  </a:cubicBezTo>
                  <a:cubicBezTo>
                    <a:pt x="149508" y="118544"/>
                    <a:pt x="146802" y="106082"/>
                    <a:pt x="137487" y="100103"/>
                  </a:cubicBezTo>
                  <a:lnTo>
                    <a:pt x="3623" y="14448"/>
                  </a:lnTo>
                  <a:cubicBezTo>
                    <a:pt x="-27" y="12120"/>
                    <a:pt x="-1097" y="7274"/>
                    <a:pt x="1232" y="3623"/>
                  </a:cubicBezTo>
                  <a:cubicBezTo>
                    <a:pt x="3560" y="-27"/>
                    <a:pt x="8406" y="-1097"/>
                    <a:pt x="12057" y="1232"/>
                  </a:cubicBezTo>
                  <a:lnTo>
                    <a:pt x="145858" y="87013"/>
                  </a:lnTo>
                  <a:cubicBezTo>
                    <a:pt x="162473" y="97649"/>
                    <a:pt x="167256" y="119802"/>
                    <a:pt x="156683" y="136417"/>
                  </a:cubicBezTo>
                  <a:cubicBezTo>
                    <a:pt x="149697" y="147242"/>
                    <a:pt x="140130" y="152780"/>
                    <a:pt x="129368" y="152780"/>
                  </a:cubicBezTo>
                </a:path>
              </a:pathLst>
            </a:custGeom>
            <a:solidFill>
              <a:schemeClr val="tx1"/>
            </a:solidFill>
            <a:ln w="6251" cap="flat">
              <a:noFill/>
              <a:prstDash val="solid"/>
              <a:miter/>
            </a:ln>
          </p:spPr>
          <p:txBody>
            <a:bodyPr rtlCol="0" anchor="ctr"/>
            <a:lstStyle/>
            <a:p>
              <a:endParaRPr lang="en-US" dirty="0"/>
            </a:p>
          </p:txBody>
        </p:sp>
        <p:sp>
          <p:nvSpPr>
            <p:cNvPr id="78" name="Freeform: Shape 77">
              <a:extLst>
                <a:ext uri="{FF2B5EF4-FFF2-40B4-BE49-F238E27FC236}">
                  <a16:creationId xmlns:a16="http://schemas.microsoft.com/office/drawing/2014/main" id="{9706B663-4AB5-4FEA-8430-47E7D70C7878}"/>
                </a:ext>
              </a:extLst>
            </p:cNvPr>
            <p:cNvSpPr/>
            <p:nvPr/>
          </p:nvSpPr>
          <p:spPr>
            <a:xfrm>
              <a:off x="11215158" y="748805"/>
              <a:ext cx="430709" cy="235562"/>
            </a:xfrm>
            <a:custGeom>
              <a:avLst/>
              <a:gdLst>
                <a:gd name="connsiteX0" fmla="*/ 302039 w 430709"/>
                <a:gd name="connsiteY0" fmla="*/ 235562 h 235562"/>
                <a:gd name="connsiteX1" fmla="*/ 296501 w 430709"/>
                <a:gd name="connsiteY1" fmla="*/ 233297 h 235562"/>
                <a:gd name="connsiteX2" fmla="*/ 296501 w 430709"/>
                <a:gd name="connsiteY2" fmla="*/ 222094 h 235562"/>
                <a:gd name="connsiteX3" fmla="*/ 411861 w 430709"/>
                <a:gd name="connsiteY3" fmla="*/ 154564 h 235562"/>
                <a:gd name="connsiteX4" fmla="*/ 324444 w 430709"/>
                <a:gd name="connsiteY4" fmla="*/ 18309 h 235562"/>
                <a:gd name="connsiteX5" fmla="*/ 225195 w 430709"/>
                <a:gd name="connsiteY5" fmla="*/ 63937 h 235562"/>
                <a:gd name="connsiteX6" fmla="*/ 186049 w 430709"/>
                <a:gd name="connsiteY6" fmla="*/ 60413 h 235562"/>
                <a:gd name="connsiteX7" fmla="*/ 108512 w 430709"/>
                <a:gd name="connsiteY7" fmla="*/ 62930 h 235562"/>
                <a:gd name="connsiteX8" fmla="*/ 37269 w 430709"/>
                <a:gd name="connsiteY8" fmla="*/ 100440 h 235562"/>
                <a:gd name="connsiteX9" fmla="*/ 15745 w 430709"/>
                <a:gd name="connsiteY9" fmla="*/ 138327 h 235562"/>
                <a:gd name="connsiteX10" fmla="*/ 22290 w 430709"/>
                <a:gd name="connsiteY10" fmla="*/ 153809 h 235562"/>
                <a:gd name="connsiteX11" fmla="*/ 69996 w 430709"/>
                <a:gd name="connsiteY11" fmla="*/ 151606 h 235562"/>
                <a:gd name="connsiteX12" fmla="*/ 116694 w 430709"/>
                <a:gd name="connsiteY12" fmla="*/ 112020 h 235562"/>
                <a:gd name="connsiteX13" fmla="*/ 127770 w 430709"/>
                <a:gd name="connsiteY13" fmla="*/ 112398 h 235562"/>
                <a:gd name="connsiteX14" fmla="*/ 127393 w 430709"/>
                <a:gd name="connsiteY14" fmla="*/ 123474 h 235562"/>
                <a:gd name="connsiteX15" fmla="*/ 78303 w 430709"/>
                <a:gd name="connsiteY15" fmla="*/ 164886 h 235562"/>
                <a:gd name="connsiteX16" fmla="*/ 11528 w 430709"/>
                <a:gd name="connsiteY16" fmla="*/ 165201 h 235562"/>
                <a:gd name="connsiteX17" fmla="*/ 11 w 430709"/>
                <a:gd name="connsiteY17" fmla="*/ 137949 h 235562"/>
                <a:gd name="connsiteX18" fmla="*/ 27074 w 430709"/>
                <a:gd name="connsiteY18" fmla="*/ 88545 h 235562"/>
                <a:gd name="connsiteX19" fmla="*/ 103729 w 430709"/>
                <a:gd name="connsiteY19" fmla="*/ 48077 h 235562"/>
                <a:gd name="connsiteX20" fmla="*/ 187937 w 430709"/>
                <a:gd name="connsiteY20" fmla="*/ 44994 h 235562"/>
                <a:gd name="connsiteX21" fmla="*/ 225446 w 430709"/>
                <a:gd name="connsiteY21" fmla="*/ 48392 h 235562"/>
                <a:gd name="connsiteX22" fmla="*/ 225635 w 430709"/>
                <a:gd name="connsiteY22" fmla="*/ 48392 h 235562"/>
                <a:gd name="connsiteX23" fmla="*/ 322871 w 430709"/>
                <a:gd name="connsiteY23" fmla="*/ 1128 h 235562"/>
                <a:gd name="connsiteX24" fmla="*/ 333507 w 430709"/>
                <a:gd name="connsiteY24" fmla="*/ 3582 h 235562"/>
                <a:gd name="connsiteX25" fmla="*/ 429483 w 430709"/>
                <a:gd name="connsiteY25" fmla="*/ 153117 h 235562"/>
                <a:gd name="connsiteX26" fmla="*/ 430490 w 430709"/>
                <a:gd name="connsiteY26" fmla="*/ 159222 h 235562"/>
                <a:gd name="connsiteX27" fmla="*/ 426714 w 430709"/>
                <a:gd name="connsiteY27" fmla="*/ 164131 h 235562"/>
                <a:gd name="connsiteX28" fmla="*/ 307388 w 430709"/>
                <a:gd name="connsiteY28" fmla="*/ 233234 h 235562"/>
                <a:gd name="connsiteX29" fmla="*/ 302039 w 430709"/>
                <a:gd name="connsiteY29" fmla="*/ 235562 h 2355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430709" h="235562">
                  <a:moveTo>
                    <a:pt x="302039" y="235562"/>
                  </a:moveTo>
                  <a:cubicBezTo>
                    <a:pt x="300088" y="235562"/>
                    <a:pt x="298074" y="234807"/>
                    <a:pt x="296501" y="233297"/>
                  </a:cubicBezTo>
                  <a:cubicBezTo>
                    <a:pt x="293417" y="230276"/>
                    <a:pt x="293480" y="225178"/>
                    <a:pt x="296501" y="222094"/>
                  </a:cubicBezTo>
                  <a:cubicBezTo>
                    <a:pt x="301158" y="217311"/>
                    <a:pt x="367744" y="179424"/>
                    <a:pt x="411861" y="154564"/>
                  </a:cubicBezTo>
                  <a:lnTo>
                    <a:pt x="324444" y="18309"/>
                  </a:lnTo>
                  <a:cubicBezTo>
                    <a:pt x="302102" y="31463"/>
                    <a:pt x="244516" y="64567"/>
                    <a:pt x="225195" y="63937"/>
                  </a:cubicBezTo>
                  <a:cubicBezTo>
                    <a:pt x="211475" y="63623"/>
                    <a:pt x="198510" y="61986"/>
                    <a:pt x="186049" y="60413"/>
                  </a:cubicBezTo>
                  <a:cubicBezTo>
                    <a:pt x="160560" y="57140"/>
                    <a:pt x="136518" y="54119"/>
                    <a:pt x="108512" y="62930"/>
                  </a:cubicBezTo>
                  <a:cubicBezTo>
                    <a:pt x="70625" y="74888"/>
                    <a:pt x="51241" y="88608"/>
                    <a:pt x="37269" y="100440"/>
                  </a:cubicBezTo>
                  <a:cubicBezTo>
                    <a:pt x="29150" y="107363"/>
                    <a:pt x="16123" y="123726"/>
                    <a:pt x="15745" y="138327"/>
                  </a:cubicBezTo>
                  <a:cubicBezTo>
                    <a:pt x="15619" y="144432"/>
                    <a:pt x="17759" y="149467"/>
                    <a:pt x="22290" y="153809"/>
                  </a:cubicBezTo>
                  <a:cubicBezTo>
                    <a:pt x="37017" y="167655"/>
                    <a:pt x="51430" y="163250"/>
                    <a:pt x="69996" y="151606"/>
                  </a:cubicBezTo>
                  <a:cubicBezTo>
                    <a:pt x="83401" y="143236"/>
                    <a:pt x="116316" y="112335"/>
                    <a:pt x="116694" y="112020"/>
                  </a:cubicBezTo>
                  <a:cubicBezTo>
                    <a:pt x="119841" y="109062"/>
                    <a:pt x="124812" y="109251"/>
                    <a:pt x="127770" y="112398"/>
                  </a:cubicBezTo>
                  <a:cubicBezTo>
                    <a:pt x="130728" y="115544"/>
                    <a:pt x="130540" y="120516"/>
                    <a:pt x="127393" y="123474"/>
                  </a:cubicBezTo>
                  <a:cubicBezTo>
                    <a:pt x="126008" y="124796"/>
                    <a:pt x="92967" y="155760"/>
                    <a:pt x="78303" y="164886"/>
                  </a:cubicBezTo>
                  <a:cubicBezTo>
                    <a:pt x="66219" y="172438"/>
                    <a:pt x="38024" y="190123"/>
                    <a:pt x="11528" y="165201"/>
                  </a:cubicBezTo>
                  <a:cubicBezTo>
                    <a:pt x="3724" y="157900"/>
                    <a:pt x="-240" y="148460"/>
                    <a:pt x="11" y="137949"/>
                  </a:cubicBezTo>
                  <a:cubicBezTo>
                    <a:pt x="578" y="116551"/>
                    <a:pt x="17948" y="96286"/>
                    <a:pt x="27074" y="88545"/>
                  </a:cubicBezTo>
                  <a:cubicBezTo>
                    <a:pt x="41360" y="76461"/>
                    <a:pt x="62947" y="60916"/>
                    <a:pt x="103729" y="48077"/>
                  </a:cubicBezTo>
                  <a:cubicBezTo>
                    <a:pt x="135008" y="38197"/>
                    <a:pt x="161944" y="41658"/>
                    <a:pt x="187937" y="44994"/>
                  </a:cubicBezTo>
                  <a:cubicBezTo>
                    <a:pt x="200020" y="46504"/>
                    <a:pt x="212545" y="48140"/>
                    <a:pt x="225446" y="48392"/>
                  </a:cubicBezTo>
                  <a:lnTo>
                    <a:pt x="225635" y="48392"/>
                  </a:lnTo>
                  <a:cubicBezTo>
                    <a:pt x="238411" y="48392"/>
                    <a:pt x="290081" y="20826"/>
                    <a:pt x="322871" y="1128"/>
                  </a:cubicBezTo>
                  <a:cubicBezTo>
                    <a:pt x="326521" y="-1075"/>
                    <a:pt x="331178" y="58"/>
                    <a:pt x="333507" y="3582"/>
                  </a:cubicBezTo>
                  <a:lnTo>
                    <a:pt x="429483" y="153117"/>
                  </a:lnTo>
                  <a:cubicBezTo>
                    <a:pt x="430616" y="154942"/>
                    <a:pt x="430994" y="157145"/>
                    <a:pt x="430490" y="159222"/>
                  </a:cubicBezTo>
                  <a:cubicBezTo>
                    <a:pt x="429987" y="161299"/>
                    <a:pt x="428602" y="163061"/>
                    <a:pt x="426714" y="164131"/>
                  </a:cubicBezTo>
                  <a:cubicBezTo>
                    <a:pt x="383603" y="188361"/>
                    <a:pt x="313053" y="228514"/>
                    <a:pt x="307388" y="233234"/>
                  </a:cubicBezTo>
                  <a:cubicBezTo>
                    <a:pt x="305941" y="234807"/>
                    <a:pt x="303990" y="235562"/>
                    <a:pt x="302039" y="235562"/>
                  </a:cubicBezTo>
                </a:path>
              </a:pathLst>
            </a:custGeom>
            <a:solidFill>
              <a:srgbClr val="4B87E0"/>
            </a:solidFill>
            <a:ln w="6251" cap="flat">
              <a:noFill/>
              <a:prstDash val="solid"/>
              <a:miter/>
            </a:ln>
          </p:spPr>
          <p:txBody>
            <a:bodyPr rtlCol="0" anchor="ctr"/>
            <a:lstStyle/>
            <a:p>
              <a:endParaRPr lang="en-US" dirty="0"/>
            </a:p>
          </p:txBody>
        </p:sp>
        <p:sp>
          <p:nvSpPr>
            <p:cNvPr id="79" name="Freeform: Shape 78">
              <a:extLst>
                <a:ext uri="{FF2B5EF4-FFF2-40B4-BE49-F238E27FC236}">
                  <a16:creationId xmlns:a16="http://schemas.microsoft.com/office/drawing/2014/main" id="{71B689CA-3D4F-3CDD-6B0F-F178095BE591}"/>
                </a:ext>
              </a:extLst>
            </p:cNvPr>
            <p:cNvSpPr/>
            <p:nvPr/>
          </p:nvSpPr>
          <p:spPr>
            <a:xfrm>
              <a:off x="11257638" y="1084399"/>
              <a:ext cx="87357" cy="86005"/>
            </a:xfrm>
            <a:custGeom>
              <a:avLst/>
              <a:gdLst>
                <a:gd name="connsiteX0" fmla="*/ 38592 w 87357"/>
                <a:gd name="connsiteY0" fmla="*/ 86006 h 86005"/>
                <a:gd name="connsiteX1" fmla="*/ 11215 w 87357"/>
                <a:gd name="connsiteY1" fmla="*/ 73733 h 86005"/>
                <a:gd name="connsiteX2" fmla="*/ 138 w 87357"/>
                <a:gd name="connsiteY2" fmla="*/ 50888 h 86005"/>
                <a:gd name="connsiteX3" fmla="*/ 8194 w 87357"/>
                <a:gd name="connsiteY3" fmla="*/ 28294 h 86005"/>
                <a:gd name="connsiteX4" fmla="*/ 22606 w 87357"/>
                <a:gd name="connsiteY4" fmla="*/ 13567 h 86005"/>
                <a:gd name="connsiteX5" fmla="*/ 23361 w 87357"/>
                <a:gd name="connsiteY5" fmla="*/ 12874 h 86005"/>
                <a:gd name="connsiteX6" fmla="*/ 30095 w 87357"/>
                <a:gd name="connsiteY6" fmla="*/ 7525 h 86005"/>
                <a:gd name="connsiteX7" fmla="*/ 76101 w 87357"/>
                <a:gd name="connsiteY7" fmla="*/ 11616 h 86005"/>
                <a:gd name="connsiteX8" fmla="*/ 79248 w 87357"/>
                <a:gd name="connsiteY8" fmla="*/ 58188 h 86005"/>
                <a:gd name="connsiteX9" fmla="*/ 74213 w 87357"/>
                <a:gd name="connsiteY9" fmla="*/ 63034 h 86005"/>
                <a:gd name="connsiteX10" fmla="*/ 74150 w 87357"/>
                <a:gd name="connsiteY10" fmla="*/ 63097 h 86005"/>
                <a:gd name="connsiteX11" fmla="*/ 57598 w 87357"/>
                <a:gd name="connsiteY11" fmla="*/ 78705 h 86005"/>
                <a:gd name="connsiteX12" fmla="*/ 38592 w 87357"/>
                <a:gd name="connsiteY12" fmla="*/ 86006 h 86005"/>
                <a:gd name="connsiteX13" fmla="*/ 33431 w 87357"/>
                <a:gd name="connsiteY13" fmla="*/ 24769 h 86005"/>
                <a:gd name="connsiteX14" fmla="*/ 19208 w 87357"/>
                <a:gd name="connsiteY14" fmla="*/ 39307 h 86005"/>
                <a:gd name="connsiteX15" fmla="*/ 15683 w 87357"/>
                <a:gd name="connsiteY15" fmla="*/ 49314 h 86005"/>
                <a:gd name="connsiteX16" fmla="*/ 22480 w 87357"/>
                <a:gd name="connsiteY16" fmla="*/ 62782 h 86005"/>
                <a:gd name="connsiteX17" fmla="*/ 46773 w 87357"/>
                <a:gd name="connsiteY17" fmla="*/ 67251 h 86005"/>
                <a:gd name="connsiteX18" fmla="*/ 68360 w 87357"/>
                <a:gd name="connsiteY18" fmla="*/ 46797 h 86005"/>
                <a:gd name="connsiteX19" fmla="*/ 64773 w 87357"/>
                <a:gd name="connsiteY19" fmla="*/ 22378 h 86005"/>
                <a:gd name="connsiteX20" fmla="*/ 40606 w 87357"/>
                <a:gd name="connsiteY20" fmla="*/ 18979 h 86005"/>
                <a:gd name="connsiteX21" fmla="*/ 40039 w 87357"/>
                <a:gd name="connsiteY21" fmla="*/ 19483 h 86005"/>
                <a:gd name="connsiteX22" fmla="*/ 33431 w 87357"/>
                <a:gd name="connsiteY22" fmla="*/ 24769 h 86005"/>
                <a:gd name="connsiteX23" fmla="*/ 68801 w 87357"/>
                <a:gd name="connsiteY23" fmla="*/ 57370 h 86005"/>
                <a:gd name="connsiteX24" fmla="*/ 68801 w 87357"/>
                <a:gd name="connsiteY24" fmla="*/ 57370 h 86005"/>
                <a:gd name="connsiteX25" fmla="*/ 68801 w 87357"/>
                <a:gd name="connsiteY25" fmla="*/ 57370 h 860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7357" h="86005">
                  <a:moveTo>
                    <a:pt x="38592" y="86006"/>
                  </a:moveTo>
                  <a:cubicBezTo>
                    <a:pt x="29151" y="86006"/>
                    <a:pt x="19019" y="81789"/>
                    <a:pt x="11215" y="73733"/>
                  </a:cubicBezTo>
                  <a:cubicBezTo>
                    <a:pt x="4795" y="67125"/>
                    <a:pt x="893" y="58943"/>
                    <a:pt x="138" y="50888"/>
                  </a:cubicBezTo>
                  <a:cubicBezTo>
                    <a:pt x="-680" y="42140"/>
                    <a:pt x="2152" y="34084"/>
                    <a:pt x="8194" y="28294"/>
                  </a:cubicBezTo>
                  <a:lnTo>
                    <a:pt x="22606" y="13567"/>
                  </a:lnTo>
                  <a:cubicBezTo>
                    <a:pt x="22858" y="13315"/>
                    <a:pt x="23110" y="13126"/>
                    <a:pt x="23361" y="12874"/>
                  </a:cubicBezTo>
                  <a:lnTo>
                    <a:pt x="30095" y="7525"/>
                  </a:lnTo>
                  <a:cubicBezTo>
                    <a:pt x="42305" y="-3929"/>
                    <a:pt x="62885" y="-2104"/>
                    <a:pt x="76101" y="11616"/>
                  </a:cubicBezTo>
                  <a:cubicBezTo>
                    <a:pt x="89758" y="25776"/>
                    <a:pt x="91206" y="46671"/>
                    <a:pt x="79248" y="58188"/>
                  </a:cubicBezTo>
                  <a:lnTo>
                    <a:pt x="74213" y="63034"/>
                  </a:lnTo>
                  <a:cubicBezTo>
                    <a:pt x="74213" y="63034"/>
                    <a:pt x="74150" y="63097"/>
                    <a:pt x="74150" y="63097"/>
                  </a:cubicBezTo>
                  <a:lnTo>
                    <a:pt x="57598" y="78705"/>
                  </a:lnTo>
                  <a:cubicBezTo>
                    <a:pt x="52501" y="83614"/>
                    <a:pt x="45766" y="86006"/>
                    <a:pt x="38592" y="86006"/>
                  </a:cubicBezTo>
                  <a:moveTo>
                    <a:pt x="33431" y="24769"/>
                  </a:moveTo>
                  <a:lnTo>
                    <a:pt x="19208" y="39307"/>
                  </a:lnTo>
                  <a:cubicBezTo>
                    <a:pt x="15809" y="42580"/>
                    <a:pt x="15431" y="46545"/>
                    <a:pt x="15683" y="49314"/>
                  </a:cubicBezTo>
                  <a:cubicBezTo>
                    <a:pt x="16124" y="53908"/>
                    <a:pt x="18515" y="58692"/>
                    <a:pt x="22480" y="62782"/>
                  </a:cubicBezTo>
                  <a:cubicBezTo>
                    <a:pt x="30033" y="70649"/>
                    <a:pt x="41172" y="72663"/>
                    <a:pt x="46773" y="67251"/>
                  </a:cubicBezTo>
                  <a:lnTo>
                    <a:pt x="68360" y="46797"/>
                  </a:lnTo>
                  <a:cubicBezTo>
                    <a:pt x="73962" y="41384"/>
                    <a:pt x="72325" y="30182"/>
                    <a:pt x="64773" y="22378"/>
                  </a:cubicBezTo>
                  <a:cubicBezTo>
                    <a:pt x="57409" y="14763"/>
                    <a:pt x="46585" y="13252"/>
                    <a:pt x="40606" y="18979"/>
                  </a:cubicBezTo>
                  <a:cubicBezTo>
                    <a:pt x="40417" y="19168"/>
                    <a:pt x="40228" y="19294"/>
                    <a:pt x="40039" y="19483"/>
                  </a:cubicBezTo>
                  <a:lnTo>
                    <a:pt x="33431" y="24769"/>
                  </a:lnTo>
                  <a:close/>
                  <a:moveTo>
                    <a:pt x="68801" y="57370"/>
                  </a:moveTo>
                  <a:lnTo>
                    <a:pt x="68801" y="57370"/>
                  </a:lnTo>
                  <a:lnTo>
                    <a:pt x="68801" y="57370"/>
                  </a:lnTo>
                  <a:close/>
                </a:path>
              </a:pathLst>
            </a:custGeom>
            <a:solidFill>
              <a:srgbClr val="4B87E0"/>
            </a:solidFill>
            <a:ln w="6251" cap="flat">
              <a:noFill/>
              <a:prstDash val="solid"/>
              <a:miter/>
            </a:ln>
          </p:spPr>
          <p:txBody>
            <a:bodyPr rtlCol="0" anchor="ctr"/>
            <a:lstStyle/>
            <a:p>
              <a:endParaRPr lang="en-US" dirty="0"/>
            </a:p>
          </p:txBody>
        </p:sp>
        <p:sp>
          <p:nvSpPr>
            <p:cNvPr id="80" name="Freeform: Shape 79">
              <a:extLst>
                <a:ext uri="{FF2B5EF4-FFF2-40B4-BE49-F238E27FC236}">
                  <a16:creationId xmlns:a16="http://schemas.microsoft.com/office/drawing/2014/main" id="{8B343FCE-186B-CB18-7E1B-0ACC85AB9CF8}"/>
                </a:ext>
              </a:extLst>
            </p:cNvPr>
            <p:cNvSpPr/>
            <p:nvPr/>
          </p:nvSpPr>
          <p:spPr>
            <a:xfrm>
              <a:off x="11219058" y="1028525"/>
              <a:ext cx="103281" cy="102796"/>
            </a:xfrm>
            <a:custGeom>
              <a:avLst/>
              <a:gdLst>
                <a:gd name="connsiteX0" fmla="*/ 38467 w 103281"/>
                <a:gd name="connsiteY0" fmla="*/ 102797 h 102796"/>
                <a:gd name="connsiteX1" fmla="*/ 34250 w 103281"/>
                <a:gd name="connsiteY1" fmla="*/ 102482 h 102796"/>
                <a:gd name="connsiteX2" fmla="*/ 11279 w 103281"/>
                <a:gd name="connsiteY2" fmla="*/ 90461 h 102796"/>
                <a:gd name="connsiteX3" fmla="*/ 8258 w 103281"/>
                <a:gd name="connsiteY3" fmla="*/ 45022 h 102796"/>
                <a:gd name="connsiteX4" fmla="*/ 22607 w 103281"/>
                <a:gd name="connsiteY4" fmla="*/ 30295 h 102796"/>
                <a:gd name="connsiteX5" fmla="*/ 45704 w 103281"/>
                <a:gd name="connsiteY5" fmla="*/ 7827 h 102796"/>
                <a:gd name="connsiteX6" fmla="*/ 92025 w 103281"/>
                <a:gd name="connsiteY6" fmla="*/ 11603 h 102796"/>
                <a:gd name="connsiteX7" fmla="*/ 95172 w 103281"/>
                <a:gd name="connsiteY7" fmla="*/ 58175 h 102796"/>
                <a:gd name="connsiteX8" fmla="*/ 74340 w 103281"/>
                <a:gd name="connsiteY8" fmla="*/ 79636 h 102796"/>
                <a:gd name="connsiteX9" fmla="*/ 74088 w 103281"/>
                <a:gd name="connsiteY9" fmla="*/ 79888 h 102796"/>
                <a:gd name="connsiteX10" fmla="*/ 57536 w 103281"/>
                <a:gd name="connsiteY10" fmla="*/ 95496 h 102796"/>
                <a:gd name="connsiteX11" fmla="*/ 38467 w 103281"/>
                <a:gd name="connsiteY11" fmla="*/ 102797 h 102796"/>
                <a:gd name="connsiteX12" fmla="*/ 65781 w 103281"/>
                <a:gd name="connsiteY12" fmla="*/ 15568 h 102796"/>
                <a:gd name="connsiteX13" fmla="*/ 56592 w 103281"/>
                <a:gd name="connsiteY13" fmla="*/ 19092 h 102796"/>
                <a:gd name="connsiteX14" fmla="*/ 33621 w 103281"/>
                <a:gd name="connsiteY14" fmla="*/ 41435 h 102796"/>
                <a:gd name="connsiteX15" fmla="*/ 19209 w 103281"/>
                <a:gd name="connsiteY15" fmla="*/ 56224 h 102796"/>
                <a:gd name="connsiteX16" fmla="*/ 22481 w 103281"/>
                <a:gd name="connsiteY16" fmla="*/ 79762 h 102796"/>
                <a:gd name="connsiteX17" fmla="*/ 36264 w 103281"/>
                <a:gd name="connsiteY17" fmla="*/ 87126 h 102796"/>
                <a:gd name="connsiteX18" fmla="*/ 46774 w 103281"/>
                <a:gd name="connsiteY18" fmla="*/ 84231 h 102796"/>
                <a:gd name="connsiteX19" fmla="*/ 63263 w 103281"/>
                <a:gd name="connsiteY19" fmla="*/ 68686 h 102796"/>
                <a:gd name="connsiteX20" fmla="*/ 84158 w 103281"/>
                <a:gd name="connsiteY20" fmla="*/ 47162 h 102796"/>
                <a:gd name="connsiteX21" fmla="*/ 80759 w 103281"/>
                <a:gd name="connsiteY21" fmla="*/ 22554 h 102796"/>
                <a:gd name="connsiteX22" fmla="*/ 65781 w 103281"/>
                <a:gd name="connsiteY22" fmla="*/ 15568 h 102796"/>
                <a:gd name="connsiteX23" fmla="*/ 68739 w 103281"/>
                <a:gd name="connsiteY23" fmla="*/ 74161 h 102796"/>
                <a:gd name="connsiteX24" fmla="*/ 68739 w 103281"/>
                <a:gd name="connsiteY24" fmla="*/ 74161 h 102796"/>
                <a:gd name="connsiteX25" fmla="*/ 68739 w 103281"/>
                <a:gd name="connsiteY25" fmla="*/ 74161 h 1027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03281" h="102796">
                  <a:moveTo>
                    <a:pt x="38467" y="102797"/>
                  </a:moveTo>
                  <a:cubicBezTo>
                    <a:pt x="37082" y="102797"/>
                    <a:pt x="35635" y="102734"/>
                    <a:pt x="34250" y="102482"/>
                  </a:cubicBezTo>
                  <a:cubicBezTo>
                    <a:pt x="25817" y="101349"/>
                    <a:pt x="17635" y="97070"/>
                    <a:pt x="11279" y="90461"/>
                  </a:cubicBezTo>
                  <a:cubicBezTo>
                    <a:pt x="-2504" y="76175"/>
                    <a:pt x="-3826" y="56602"/>
                    <a:pt x="8258" y="45022"/>
                  </a:cubicBezTo>
                  <a:lnTo>
                    <a:pt x="22607" y="30295"/>
                  </a:lnTo>
                  <a:lnTo>
                    <a:pt x="45704" y="7827"/>
                  </a:lnTo>
                  <a:cubicBezTo>
                    <a:pt x="57914" y="-3942"/>
                    <a:pt x="78683" y="-2243"/>
                    <a:pt x="92025" y="11603"/>
                  </a:cubicBezTo>
                  <a:cubicBezTo>
                    <a:pt x="105682" y="25827"/>
                    <a:pt x="107129" y="46721"/>
                    <a:pt x="95172" y="58175"/>
                  </a:cubicBezTo>
                  <a:lnTo>
                    <a:pt x="74340" y="79636"/>
                  </a:lnTo>
                  <a:cubicBezTo>
                    <a:pt x="74277" y="79699"/>
                    <a:pt x="74151" y="79825"/>
                    <a:pt x="74088" y="79888"/>
                  </a:cubicBezTo>
                  <a:lnTo>
                    <a:pt x="57536" y="95496"/>
                  </a:lnTo>
                  <a:cubicBezTo>
                    <a:pt x="52627" y="100216"/>
                    <a:pt x="45830" y="102797"/>
                    <a:pt x="38467" y="102797"/>
                  </a:cubicBezTo>
                  <a:moveTo>
                    <a:pt x="65781" y="15568"/>
                  </a:moveTo>
                  <a:cubicBezTo>
                    <a:pt x="62256" y="15568"/>
                    <a:pt x="58984" y="16701"/>
                    <a:pt x="56592" y="19092"/>
                  </a:cubicBezTo>
                  <a:lnTo>
                    <a:pt x="33621" y="41435"/>
                  </a:lnTo>
                  <a:lnTo>
                    <a:pt x="19209" y="56224"/>
                  </a:lnTo>
                  <a:cubicBezTo>
                    <a:pt x="13418" y="61826"/>
                    <a:pt x="14929" y="71832"/>
                    <a:pt x="22481" y="79762"/>
                  </a:cubicBezTo>
                  <a:cubicBezTo>
                    <a:pt x="26383" y="83790"/>
                    <a:pt x="31418" y="86496"/>
                    <a:pt x="36264" y="87126"/>
                  </a:cubicBezTo>
                  <a:cubicBezTo>
                    <a:pt x="40544" y="87692"/>
                    <a:pt x="44257" y="86685"/>
                    <a:pt x="46774" y="84231"/>
                  </a:cubicBezTo>
                  <a:lnTo>
                    <a:pt x="63263" y="68686"/>
                  </a:lnTo>
                  <a:lnTo>
                    <a:pt x="84158" y="47162"/>
                  </a:lnTo>
                  <a:cubicBezTo>
                    <a:pt x="89948" y="41560"/>
                    <a:pt x="88312" y="30358"/>
                    <a:pt x="80759" y="22554"/>
                  </a:cubicBezTo>
                  <a:cubicBezTo>
                    <a:pt x="76417" y="17897"/>
                    <a:pt x="70816" y="15568"/>
                    <a:pt x="65781" y="15568"/>
                  </a:cubicBezTo>
                  <a:moveTo>
                    <a:pt x="68739" y="74161"/>
                  </a:moveTo>
                  <a:lnTo>
                    <a:pt x="68739" y="74161"/>
                  </a:lnTo>
                  <a:lnTo>
                    <a:pt x="68739" y="74161"/>
                  </a:lnTo>
                  <a:close/>
                </a:path>
              </a:pathLst>
            </a:custGeom>
            <a:solidFill>
              <a:srgbClr val="4B87E0"/>
            </a:solidFill>
            <a:ln w="6251" cap="flat">
              <a:noFill/>
              <a:prstDash val="solid"/>
              <a:miter/>
            </a:ln>
          </p:spPr>
          <p:txBody>
            <a:bodyPr rtlCol="0" anchor="ctr"/>
            <a:lstStyle/>
            <a:p>
              <a:endParaRPr lang="en-US" dirty="0"/>
            </a:p>
          </p:txBody>
        </p:sp>
        <p:sp>
          <p:nvSpPr>
            <p:cNvPr id="81" name="Freeform: Shape 80">
              <a:extLst>
                <a:ext uri="{FF2B5EF4-FFF2-40B4-BE49-F238E27FC236}">
                  <a16:creationId xmlns:a16="http://schemas.microsoft.com/office/drawing/2014/main" id="{2A4237A7-73AA-9423-D6CF-D1DADB0C3567}"/>
                </a:ext>
              </a:extLst>
            </p:cNvPr>
            <p:cNvSpPr/>
            <p:nvPr/>
          </p:nvSpPr>
          <p:spPr>
            <a:xfrm>
              <a:off x="11177081" y="995692"/>
              <a:ext cx="98874" cy="96860"/>
            </a:xfrm>
            <a:custGeom>
              <a:avLst/>
              <a:gdLst>
                <a:gd name="connsiteX0" fmla="*/ 38529 w 98874"/>
                <a:gd name="connsiteY0" fmla="*/ 96861 h 96860"/>
                <a:gd name="connsiteX1" fmla="*/ 11215 w 98874"/>
                <a:gd name="connsiteY1" fmla="*/ 84588 h 96860"/>
                <a:gd name="connsiteX2" fmla="*/ 138 w 98874"/>
                <a:gd name="connsiteY2" fmla="*/ 61743 h 96860"/>
                <a:gd name="connsiteX3" fmla="*/ 8194 w 98874"/>
                <a:gd name="connsiteY3" fmla="*/ 39149 h 96860"/>
                <a:gd name="connsiteX4" fmla="*/ 22606 w 98874"/>
                <a:gd name="connsiteY4" fmla="*/ 24422 h 96860"/>
                <a:gd name="connsiteX5" fmla="*/ 41550 w 98874"/>
                <a:gd name="connsiteY5" fmla="*/ 7618 h 96860"/>
                <a:gd name="connsiteX6" fmla="*/ 87619 w 98874"/>
                <a:gd name="connsiteY6" fmla="*/ 11646 h 96860"/>
                <a:gd name="connsiteX7" fmla="*/ 90765 w 98874"/>
                <a:gd name="connsiteY7" fmla="*/ 58218 h 96860"/>
                <a:gd name="connsiteX8" fmla="*/ 74150 w 98874"/>
                <a:gd name="connsiteY8" fmla="*/ 74015 h 96860"/>
                <a:gd name="connsiteX9" fmla="*/ 74150 w 98874"/>
                <a:gd name="connsiteY9" fmla="*/ 74015 h 96860"/>
                <a:gd name="connsiteX10" fmla="*/ 57598 w 98874"/>
                <a:gd name="connsiteY10" fmla="*/ 89623 h 96860"/>
                <a:gd name="connsiteX11" fmla="*/ 38529 w 98874"/>
                <a:gd name="connsiteY11" fmla="*/ 96861 h 96860"/>
                <a:gd name="connsiteX12" fmla="*/ 61311 w 98874"/>
                <a:gd name="connsiteY12" fmla="*/ 15548 h 96860"/>
                <a:gd name="connsiteX13" fmla="*/ 52060 w 98874"/>
                <a:gd name="connsiteY13" fmla="*/ 19072 h 96860"/>
                <a:gd name="connsiteX14" fmla="*/ 33305 w 98874"/>
                <a:gd name="connsiteY14" fmla="*/ 35750 h 96860"/>
                <a:gd name="connsiteX15" fmla="*/ 19145 w 98874"/>
                <a:gd name="connsiteY15" fmla="*/ 50289 h 96860"/>
                <a:gd name="connsiteX16" fmla="*/ 15620 w 98874"/>
                <a:gd name="connsiteY16" fmla="*/ 60295 h 96860"/>
                <a:gd name="connsiteX17" fmla="*/ 22417 w 98874"/>
                <a:gd name="connsiteY17" fmla="*/ 73763 h 96860"/>
                <a:gd name="connsiteX18" fmla="*/ 46710 w 98874"/>
                <a:gd name="connsiteY18" fmla="*/ 78232 h 96860"/>
                <a:gd name="connsiteX19" fmla="*/ 79877 w 98874"/>
                <a:gd name="connsiteY19" fmla="*/ 46827 h 96860"/>
                <a:gd name="connsiteX20" fmla="*/ 76290 w 98874"/>
                <a:gd name="connsiteY20" fmla="*/ 22408 h 96860"/>
                <a:gd name="connsiteX21" fmla="*/ 61311 w 98874"/>
                <a:gd name="connsiteY21" fmla="*/ 15548 h 96860"/>
                <a:gd name="connsiteX22" fmla="*/ 68738 w 98874"/>
                <a:gd name="connsiteY22" fmla="*/ 68225 h 96860"/>
                <a:gd name="connsiteX23" fmla="*/ 68738 w 98874"/>
                <a:gd name="connsiteY23" fmla="*/ 68225 h 96860"/>
                <a:gd name="connsiteX24" fmla="*/ 68738 w 98874"/>
                <a:gd name="connsiteY24" fmla="*/ 68225 h 968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98874" h="96860">
                  <a:moveTo>
                    <a:pt x="38529" y="96861"/>
                  </a:moveTo>
                  <a:cubicBezTo>
                    <a:pt x="29088" y="96861"/>
                    <a:pt x="18956" y="92644"/>
                    <a:pt x="11215" y="84588"/>
                  </a:cubicBezTo>
                  <a:cubicBezTo>
                    <a:pt x="4795" y="77917"/>
                    <a:pt x="893" y="69799"/>
                    <a:pt x="138" y="61743"/>
                  </a:cubicBezTo>
                  <a:cubicBezTo>
                    <a:pt x="-680" y="52995"/>
                    <a:pt x="2152" y="44939"/>
                    <a:pt x="8194" y="39149"/>
                  </a:cubicBezTo>
                  <a:lnTo>
                    <a:pt x="22606" y="24422"/>
                  </a:lnTo>
                  <a:lnTo>
                    <a:pt x="41550" y="7618"/>
                  </a:lnTo>
                  <a:cubicBezTo>
                    <a:pt x="53507" y="-3899"/>
                    <a:pt x="74276" y="-2200"/>
                    <a:pt x="87619" y="11646"/>
                  </a:cubicBezTo>
                  <a:cubicBezTo>
                    <a:pt x="101276" y="25870"/>
                    <a:pt x="102723" y="46764"/>
                    <a:pt x="90765" y="58218"/>
                  </a:cubicBezTo>
                  <a:lnTo>
                    <a:pt x="74150" y="74015"/>
                  </a:lnTo>
                  <a:lnTo>
                    <a:pt x="74150" y="74015"/>
                  </a:lnTo>
                  <a:lnTo>
                    <a:pt x="57598" y="89623"/>
                  </a:lnTo>
                  <a:cubicBezTo>
                    <a:pt x="52438" y="94469"/>
                    <a:pt x="45641" y="96861"/>
                    <a:pt x="38529" y="96861"/>
                  </a:cubicBezTo>
                  <a:moveTo>
                    <a:pt x="61311" y="15548"/>
                  </a:moveTo>
                  <a:cubicBezTo>
                    <a:pt x="57787" y="15548"/>
                    <a:pt x="54514" y="16681"/>
                    <a:pt x="52060" y="19072"/>
                  </a:cubicBezTo>
                  <a:lnTo>
                    <a:pt x="33305" y="35750"/>
                  </a:lnTo>
                  <a:lnTo>
                    <a:pt x="19145" y="50289"/>
                  </a:lnTo>
                  <a:cubicBezTo>
                    <a:pt x="15746" y="53561"/>
                    <a:pt x="15369" y="57526"/>
                    <a:pt x="15620" y="60295"/>
                  </a:cubicBezTo>
                  <a:cubicBezTo>
                    <a:pt x="16061" y="64890"/>
                    <a:pt x="18452" y="69673"/>
                    <a:pt x="22417" y="73763"/>
                  </a:cubicBezTo>
                  <a:cubicBezTo>
                    <a:pt x="29970" y="81567"/>
                    <a:pt x="41109" y="83644"/>
                    <a:pt x="46710" y="78232"/>
                  </a:cubicBezTo>
                  <a:lnTo>
                    <a:pt x="79877" y="46827"/>
                  </a:lnTo>
                  <a:cubicBezTo>
                    <a:pt x="85479" y="41478"/>
                    <a:pt x="83842" y="30275"/>
                    <a:pt x="76290" y="22408"/>
                  </a:cubicBezTo>
                  <a:cubicBezTo>
                    <a:pt x="71948" y="17877"/>
                    <a:pt x="66346" y="15548"/>
                    <a:pt x="61311" y="15548"/>
                  </a:cubicBezTo>
                  <a:moveTo>
                    <a:pt x="68738" y="68225"/>
                  </a:moveTo>
                  <a:lnTo>
                    <a:pt x="68738" y="68225"/>
                  </a:lnTo>
                  <a:lnTo>
                    <a:pt x="68738" y="68225"/>
                  </a:lnTo>
                  <a:close/>
                </a:path>
              </a:pathLst>
            </a:custGeom>
            <a:solidFill>
              <a:srgbClr val="4B87E0"/>
            </a:solidFill>
            <a:ln w="6251" cap="flat">
              <a:noFill/>
              <a:prstDash val="solid"/>
              <a:miter/>
            </a:ln>
          </p:spPr>
          <p:txBody>
            <a:bodyPr rtlCol="0" anchor="ctr"/>
            <a:lstStyle/>
            <a:p>
              <a:endParaRPr lang="en-US" dirty="0"/>
            </a:p>
          </p:txBody>
        </p:sp>
        <p:sp>
          <p:nvSpPr>
            <p:cNvPr id="82" name="Freeform: Shape 81">
              <a:extLst>
                <a:ext uri="{FF2B5EF4-FFF2-40B4-BE49-F238E27FC236}">
                  <a16:creationId xmlns:a16="http://schemas.microsoft.com/office/drawing/2014/main" id="{8D3C5F8D-B297-C6D8-F005-BD540D5FB067}"/>
                </a:ext>
              </a:extLst>
            </p:cNvPr>
            <p:cNvSpPr/>
            <p:nvPr/>
          </p:nvSpPr>
          <p:spPr>
            <a:xfrm>
              <a:off x="11138501" y="967374"/>
              <a:ext cx="87331" cy="86096"/>
            </a:xfrm>
            <a:custGeom>
              <a:avLst/>
              <a:gdLst>
                <a:gd name="connsiteX0" fmla="*/ 38403 w 87331"/>
                <a:gd name="connsiteY0" fmla="*/ 86096 h 86096"/>
                <a:gd name="connsiteX1" fmla="*/ 34186 w 87331"/>
                <a:gd name="connsiteY1" fmla="*/ 85782 h 86096"/>
                <a:gd name="connsiteX2" fmla="*/ 11215 w 87331"/>
                <a:gd name="connsiteY2" fmla="*/ 73761 h 86096"/>
                <a:gd name="connsiteX3" fmla="*/ 138 w 87331"/>
                <a:gd name="connsiteY3" fmla="*/ 50916 h 86096"/>
                <a:gd name="connsiteX4" fmla="*/ 8194 w 87331"/>
                <a:gd name="connsiteY4" fmla="*/ 28322 h 86096"/>
                <a:gd name="connsiteX5" fmla="*/ 22606 w 87331"/>
                <a:gd name="connsiteY5" fmla="*/ 13595 h 86096"/>
                <a:gd name="connsiteX6" fmla="*/ 23361 w 87331"/>
                <a:gd name="connsiteY6" fmla="*/ 12902 h 86096"/>
                <a:gd name="connsiteX7" fmla="*/ 30095 w 87331"/>
                <a:gd name="connsiteY7" fmla="*/ 7553 h 86096"/>
                <a:gd name="connsiteX8" fmla="*/ 52815 w 87331"/>
                <a:gd name="connsiteY8" fmla="*/ 127 h 86096"/>
                <a:gd name="connsiteX9" fmla="*/ 76038 w 87331"/>
                <a:gd name="connsiteY9" fmla="*/ 11644 h 86096"/>
                <a:gd name="connsiteX10" fmla="*/ 87178 w 87331"/>
                <a:gd name="connsiteY10" fmla="*/ 35056 h 86096"/>
                <a:gd name="connsiteX11" fmla="*/ 79185 w 87331"/>
                <a:gd name="connsiteY11" fmla="*/ 58216 h 86096"/>
                <a:gd name="connsiteX12" fmla="*/ 74150 w 87331"/>
                <a:gd name="connsiteY12" fmla="*/ 63062 h 86096"/>
                <a:gd name="connsiteX13" fmla="*/ 74087 w 87331"/>
                <a:gd name="connsiteY13" fmla="*/ 63125 h 86096"/>
                <a:gd name="connsiteX14" fmla="*/ 57535 w 87331"/>
                <a:gd name="connsiteY14" fmla="*/ 78733 h 86096"/>
                <a:gd name="connsiteX15" fmla="*/ 38403 w 87331"/>
                <a:gd name="connsiteY15" fmla="*/ 86096 h 86096"/>
                <a:gd name="connsiteX16" fmla="*/ 33305 w 87331"/>
                <a:gd name="connsiteY16" fmla="*/ 24860 h 86096"/>
                <a:gd name="connsiteX17" fmla="*/ 19082 w 87331"/>
                <a:gd name="connsiteY17" fmla="*/ 39398 h 86096"/>
                <a:gd name="connsiteX18" fmla="*/ 15557 w 87331"/>
                <a:gd name="connsiteY18" fmla="*/ 49405 h 86096"/>
                <a:gd name="connsiteX19" fmla="*/ 22354 w 87331"/>
                <a:gd name="connsiteY19" fmla="*/ 62873 h 86096"/>
                <a:gd name="connsiteX20" fmla="*/ 36137 w 87331"/>
                <a:gd name="connsiteY20" fmla="*/ 70237 h 86096"/>
                <a:gd name="connsiteX21" fmla="*/ 46648 w 87331"/>
                <a:gd name="connsiteY21" fmla="*/ 67342 h 86096"/>
                <a:gd name="connsiteX22" fmla="*/ 68234 w 87331"/>
                <a:gd name="connsiteY22" fmla="*/ 46888 h 86096"/>
                <a:gd name="connsiteX23" fmla="*/ 71507 w 87331"/>
                <a:gd name="connsiteY23" fmla="*/ 36503 h 86096"/>
                <a:gd name="connsiteX24" fmla="*/ 64647 w 87331"/>
                <a:gd name="connsiteY24" fmla="*/ 22469 h 86096"/>
                <a:gd name="connsiteX25" fmla="*/ 51242 w 87331"/>
                <a:gd name="connsiteY25" fmla="*/ 15672 h 86096"/>
                <a:gd name="connsiteX26" fmla="*/ 40417 w 87331"/>
                <a:gd name="connsiteY26" fmla="*/ 19070 h 86096"/>
                <a:gd name="connsiteX27" fmla="*/ 39850 w 87331"/>
                <a:gd name="connsiteY27" fmla="*/ 19574 h 86096"/>
                <a:gd name="connsiteX28" fmla="*/ 33305 w 87331"/>
                <a:gd name="connsiteY28" fmla="*/ 24860 h 86096"/>
                <a:gd name="connsiteX29" fmla="*/ 68675 w 87331"/>
                <a:gd name="connsiteY29" fmla="*/ 57461 h 86096"/>
                <a:gd name="connsiteX30" fmla="*/ 68675 w 87331"/>
                <a:gd name="connsiteY30" fmla="*/ 57461 h 86096"/>
                <a:gd name="connsiteX31" fmla="*/ 68675 w 87331"/>
                <a:gd name="connsiteY31" fmla="*/ 57461 h 860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7331" h="86096">
                  <a:moveTo>
                    <a:pt x="38403" y="86096"/>
                  </a:moveTo>
                  <a:cubicBezTo>
                    <a:pt x="37018" y="86096"/>
                    <a:pt x="35571" y="86034"/>
                    <a:pt x="34186" y="85782"/>
                  </a:cubicBezTo>
                  <a:cubicBezTo>
                    <a:pt x="25753" y="84649"/>
                    <a:pt x="17571" y="80369"/>
                    <a:pt x="11215" y="73761"/>
                  </a:cubicBezTo>
                  <a:cubicBezTo>
                    <a:pt x="4795" y="67090"/>
                    <a:pt x="893" y="58971"/>
                    <a:pt x="138" y="50916"/>
                  </a:cubicBezTo>
                  <a:cubicBezTo>
                    <a:pt x="-680" y="42168"/>
                    <a:pt x="2152" y="34112"/>
                    <a:pt x="8194" y="28322"/>
                  </a:cubicBezTo>
                  <a:lnTo>
                    <a:pt x="22606" y="13595"/>
                  </a:lnTo>
                  <a:cubicBezTo>
                    <a:pt x="22858" y="13343"/>
                    <a:pt x="23110" y="13154"/>
                    <a:pt x="23361" y="12902"/>
                  </a:cubicBezTo>
                  <a:lnTo>
                    <a:pt x="30095" y="7553"/>
                  </a:lnTo>
                  <a:cubicBezTo>
                    <a:pt x="36011" y="2015"/>
                    <a:pt x="44256" y="-629"/>
                    <a:pt x="52815" y="127"/>
                  </a:cubicBezTo>
                  <a:cubicBezTo>
                    <a:pt x="61374" y="882"/>
                    <a:pt x="69682" y="4973"/>
                    <a:pt x="76038" y="11644"/>
                  </a:cubicBezTo>
                  <a:cubicBezTo>
                    <a:pt x="82458" y="18252"/>
                    <a:pt x="86423" y="26622"/>
                    <a:pt x="87178" y="35056"/>
                  </a:cubicBezTo>
                  <a:cubicBezTo>
                    <a:pt x="88059" y="44056"/>
                    <a:pt x="85101" y="52489"/>
                    <a:pt x="79185" y="58216"/>
                  </a:cubicBezTo>
                  <a:lnTo>
                    <a:pt x="74150" y="63062"/>
                  </a:lnTo>
                  <a:cubicBezTo>
                    <a:pt x="74150" y="63062"/>
                    <a:pt x="74087" y="63062"/>
                    <a:pt x="74087" y="63125"/>
                  </a:cubicBezTo>
                  <a:lnTo>
                    <a:pt x="57535" y="78733"/>
                  </a:lnTo>
                  <a:cubicBezTo>
                    <a:pt x="52563" y="83516"/>
                    <a:pt x="45766" y="86096"/>
                    <a:pt x="38403" y="86096"/>
                  </a:cubicBezTo>
                  <a:moveTo>
                    <a:pt x="33305" y="24860"/>
                  </a:moveTo>
                  <a:lnTo>
                    <a:pt x="19082" y="39398"/>
                  </a:lnTo>
                  <a:cubicBezTo>
                    <a:pt x="15683" y="42671"/>
                    <a:pt x="15306" y="46636"/>
                    <a:pt x="15557" y="49405"/>
                  </a:cubicBezTo>
                  <a:cubicBezTo>
                    <a:pt x="15998" y="53999"/>
                    <a:pt x="18389" y="58782"/>
                    <a:pt x="22354" y="62873"/>
                  </a:cubicBezTo>
                  <a:cubicBezTo>
                    <a:pt x="26256" y="66901"/>
                    <a:pt x="31291" y="69607"/>
                    <a:pt x="36137" y="70237"/>
                  </a:cubicBezTo>
                  <a:cubicBezTo>
                    <a:pt x="40417" y="70803"/>
                    <a:pt x="44130" y="69796"/>
                    <a:pt x="46648" y="67342"/>
                  </a:cubicBezTo>
                  <a:lnTo>
                    <a:pt x="68234" y="46888"/>
                  </a:lnTo>
                  <a:cubicBezTo>
                    <a:pt x="70752" y="44433"/>
                    <a:pt x="71948" y="40783"/>
                    <a:pt x="71507" y="36503"/>
                  </a:cubicBezTo>
                  <a:cubicBezTo>
                    <a:pt x="71066" y="31657"/>
                    <a:pt x="68549" y="26497"/>
                    <a:pt x="64647" y="22469"/>
                  </a:cubicBezTo>
                  <a:cubicBezTo>
                    <a:pt x="60871" y="18504"/>
                    <a:pt x="56088" y="16112"/>
                    <a:pt x="51242" y="15672"/>
                  </a:cubicBezTo>
                  <a:cubicBezTo>
                    <a:pt x="46962" y="15294"/>
                    <a:pt x="43123" y="16490"/>
                    <a:pt x="40417" y="19070"/>
                  </a:cubicBezTo>
                  <a:cubicBezTo>
                    <a:pt x="40228" y="19259"/>
                    <a:pt x="40039" y="19448"/>
                    <a:pt x="39850" y="19574"/>
                  </a:cubicBezTo>
                  <a:lnTo>
                    <a:pt x="33305" y="24860"/>
                  </a:lnTo>
                  <a:close/>
                  <a:moveTo>
                    <a:pt x="68675" y="57461"/>
                  </a:moveTo>
                  <a:lnTo>
                    <a:pt x="68675" y="57461"/>
                  </a:lnTo>
                  <a:lnTo>
                    <a:pt x="68675" y="57461"/>
                  </a:lnTo>
                  <a:close/>
                </a:path>
              </a:pathLst>
            </a:custGeom>
            <a:solidFill>
              <a:srgbClr val="4B87E0"/>
            </a:solidFill>
            <a:ln w="6251"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158294071"/>
      </p:ext>
    </p:extLst>
  </p:cSld>
  <p:clrMapOvr>
    <a:masterClrMapping/>
  </p:clrMapOvr>
  <p:transition spd="slow">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2B6415D-AF20-84CA-9E92-84ADE21E35AD}"/>
            </a:ext>
          </a:extLst>
        </p:cNvPr>
        <p:cNvGrpSpPr/>
        <p:nvPr/>
      </p:nvGrpSpPr>
      <p:grpSpPr>
        <a:xfrm>
          <a:off x="0" y="0"/>
          <a:ext cx="0" cy="0"/>
          <a:chOff x="0" y="0"/>
          <a:chExt cx="0" cy="0"/>
        </a:xfrm>
      </p:grpSpPr>
      <p:sp>
        <p:nvSpPr>
          <p:cNvPr id="7" name="Rectangle 6">
            <a:extLst>
              <a:ext uri="{FF2B5EF4-FFF2-40B4-BE49-F238E27FC236}">
                <a16:creationId xmlns:a16="http://schemas.microsoft.com/office/drawing/2014/main" id="{825F753D-DCF4-E19C-3172-C07E17A57EBD}"/>
              </a:ext>
            </a:extLst>
          </p:cNvPr>
          <p:cNvSpPr/>
          <p:nvPr/>
        </p:nvSpPr>
        <p:spPr>
          <a:xfrm>
            <a:off x="6095999" y="0"/>
            <a:ext cx="6096001" cy="6858000"/>
          </a:xfrm>
          <a:prstGeom prst="rect">
            <a:avLst/>
          </a:prstGeom>
          <a:solidFill>
            <a:schemeClr val="tx2"/>
          </a:solidFill>
          <a:ln w="12700">
            <a:noFill/>
          </a:ln>
        </p:spPr>
        <p:style>
          <a:lnRef idx="3">
            <a:schemeClr val="lt1">
              <a:hueOff val="0"/>
              <a:satOff val="0"/>
              <a:lumOff val="0"/>
              <a:alphaOff val="0"/>
            </a:schemeClr>
          </a:lnRef>
          <a:fillRef idx="1">
            <a:scrgbClr r="0" g="0" b="0"/>
          </a:fillRef>
          <a:effectRef idx="1">
            <a:schemeClr val="accent2">
              <a:hueOff val="0"/>
              <a:satOff val="0"/>
              <a:lumOff val="0"/>
              <a:alphaOff val="0"/>
            </a:schemeClr>
          </a:effectRef>
          <a:fontRef idx="minor">
            <a:schemeClr val="lt1"/>
          </a:fontRef>
        </p:style>
        <p:txBody>
          <a:bodyPr spcFirstLastPara="0" vert="horz" wrap="square" lIns="0" tIns="0" rIns="0" bIns="0" numCol="1" spcCol="1270" rtlCol="0" anchor="ctr" anchorCtr="0">
            <a:noAutofit/>
          </a:bodyPr>
          <a:lstStyle/>
          <a:p>
            <a:pPr marL="0" indent="0" algn="ctr" defTabSz="488950">
              <a:spcBef>
                <a:spcPct val="0"/>
              </a:spcBef>
              <a:spcAft>
                <a:spcPts val="600"/>
              </a:spcAft>
              <a:buNone/>
            </a:pPr>
            <a:endParaRPr lang="en-US" sz="1200" b="1" kern="1200" dirty="0">
              <a:solidFill>
                <a:schemeClr val="tx1"/>
              </a:solidFill>
            </a:endParaRPr>
          </a:p>
        </p:txBody>
      </p:sp>
      <p:sp>
        <p:nvSpPr>
          <p:cNvPr id="2" name="Title 1">
            <a:extLst>
              <a:ext uri="{FF2B5EF4-FFF2-40B4-BE49-F238E27FC236}">
                <a16:creationId xmlns:a16="http://schemas.microsoft.com/office/drawing/2014/main" id="{1A292974-CA8A-0B7F-D79C-D58676B374A3}"/>
              </a:ext>
            </a:extLst>
          </p:cNvPr>
          <p:cNvSpPr>
            <a:spLocks noGrp="1"/>
          </p:cNvSpPr>
          <p:nvPr>
            <p:ph type="title"/>
          </p:nvPr>
        </p:nvSpPr>
        <p:spPr>
          <a:xfrm>
            <a:off x="1016000" y="571501"/>
            <a:ext cx="5080000" cy="571500"/>
          </a:xfrm>
        </p:spPr>
        <p:txBody>
          <a:bodyPr/>
          <a:lstStyle/>
          <a:p>
            <a:r>
              <a:rPr lang="en-US" dirty="0">
                <a:solidFill>
                  <a:schemeClr val="tx2"/>
                </a:solidFill>
              </a:rPr>
              <a:t>What customs brokers say: </a:t>
            </a:r>
          </a:p>
        </p:txBody>
      </p:sp>
      <p:sp>
        <p:nvSpPr>
          <p:cNvPr id="4" name="Date Placeholder 3">
            <a:extLst>
              <a:ext uri="{FF2B5EF4-FFF2-40B4-BE49-F238E27FC236}">
                <a16:creationId xmlns:a16="http://schemas.microsoft.com/office/drawing/2014/main" id="{C5F4B8DF-E383-D0FE-C5F5-0C625E5CE3BF}"/>
              </a:ext>
            </a:extLst>
          </p:cNvPr>
          <p:cNvSpPr>
            <a:spLocks noGrp="1"/>
          </p:cNvSpPr>
          <p:nvPr>
            <p:ph type="dt" sz="half" idx="11"/>
          </p:nvPr>
        </p:nvSpPr>
        <p:spPr/>
        <p:txBody>
          <a:bodyPr/>
          <a:lstStyle/>
          <a:p>
            <a:fld id="{FC968453-BAB5-46CE-A4CF-38551120EE52}" type="datetime3">
              <a:rPr lang="en-US" smtClean="0"/>
              <a:t>4 September 2025</a:t>
            </a:fld>
            <a:endParaRPr lang="en-US" dirty="0"/>
          </a:p>
        </p:txBody>
      </p:sp>
      <p:sp>
        <p:nvSpPr>
          <p:cNvPr id="5" name="Footer Placeholder 4">
            <a:extLst>
              <a:ext uri="{FF2B5EF4-FFF2-40B4-BE49-F238E27FC236}">
                <a16:creationId xmlns:a16="http://schemas.microsoft.com/office/drawing/2014/main" id="{81BA4859-84CC-7C03-82B4-2EB42C3D69CF}"/>
              </a:ext>
            </a:extLst>
          </p:cNvPr>
          <p:cNvSpPr>
            <a:spLocks noGrp="1"/>
          </p:cNvSpPr>
          <p:nvPr>
            <p:ph type="ftr" sz="quarter" idx="12"/>
          </p:nvPr>
        </p:nvSpPr>
        <p:spPr/>
        <p:txBody>
          <a:bodyPr/>
          <a:lstStyle/>
          <a:p>
            <a:r>
              <a:rPr lang="en-US" dirty="0"/>
              <a:t>Add place via Insert, Header &amp; Footer</a:t>
            </a:r>
          </a:p>
        </p:txBody>
      </p:sp>
      <p:sp>
        <p:nvSpPr>
          <p:cNvPr id="133" name="Slide Number Placeholder 2">
            <a:extLst>
              <a:ext uri="{FF2B5EF4-FFF2-40B4-BE49-F238E27FC236}">
                <a16:creationId xmlns:a16="http://schemas.microsoft.com/office/drawing/2014/main" id="{54E7B18E-8CCB-69DE-1D4B-A6EEE5BE2475}"/>
              </a:ext>
            </a:extLst>
          </p:cNvPr>
          <p:cNvSpPr>
            <a:spLocks noGrp="1"/>
          </p:cNvSpPr>
          <p:nvPr>
            <p:ph type="sldNum" sz="quarter" idx="10"/>
          </p:nvPr>
        </p:nvSpPr>
        <p:spPr>
          <a:xfrm>
            <a:off x="10160000" y="6159233"/>
            <a:ext cx="1016000" cy="127266"/>
          </a:xfrm>
        </p:spPr>
        <p:txBody>
          <a:bodyPr/>
          <a:lstStyle/>
          <a:p>
            <a:fld id="{D0EF7201-F92F-4B08-8CD8-21667D02614A}" type="slidenum">
              <a:rPr lang="en-US" smtClean="0">
                <a:solidFill>
                  <a:schemeClr val="bg1"/>
                </a:solidFill>
              </a:rPr>
              <a:pPr/>
              <a:t>7</a:t>
            </a:fld>
            <a:endParaRPr lang="en-US" dirty="0">
              <a:solidFill>
                <a:schemeClr val="bg1"/>
              </a:solidFill>
            </a:endParaRPr>
          </a:p>
        </p:txBody>
      </p:sp>
      <p:sp>
        <p:nvSpPr>
          <p:cNvPr id="27" name="TextBox 26">
            <a:extLst>
              <a:ext uri="{FF2B5EF4-FFF2-40B4-BE49-F238E27FC236}">
                <a16:creationId xmlns:a16="http://schemas.microsoft.com/office/drawing/2014/main" id="{DD676BD5-6988-865E-4747-19BA4BAF6569}"/>
              </a:ext>
            </a:extLst>
          </p:cNvPr>
          <p:cNvSpPr txBox="1"/>
          <p:nvPr/>
        </p:nvSpPr>
        <p:spPr>
          <a:xfrm>
            <a:off x="6299859" y="571501"/>
            <a:ext cx="5157123" cy="6017032"/>
          </a:xfrm>
          <a:prstGeom prst="rect">
            <a:avLst/>
          </a:prstGeom>
          <a:noFill/>
        </p:spPr>
        <p:txBody>
          <a:bodyPr wrap="square">
            <a:spAutoFit/>
          </a:bodyPr>
          <a:lstStyle/>
          <a:p>
            <a:pPr>
              <a:spcAft>
                <a:spcPts val="1800"/>
              </a:spcAft>
            </a:pPr>
            <a:r>
              <a:rPr lang="en-US" i="1" dirty="0">
                <a:solidFill>
                  <a:schemeClr val="bg1"/>
                </a:solidFill>
              </a:rPr>
              <a:t>“Many of our clients, especially SMEs, would not be able to obtain AEO status on their own. By working with an AEO-certified broker, they still benefit from simplified procedures and fewer controls. </a:t>
            </a:r>
          </a:p>
          <a:p>
            <a:pPr>
              <a:spcAft>
                <a:spcPts val="1800"/>
              </a:spcAft>
            </a:pPr>
            <a:r>
              <a:rPr lang="en-US" i="1" dirty="0">
                <a:solidFill>
                  <a:schemeClr val="bg1"/>
                </a:solidFill>
              </a:rPr>
              <a:t>Faster handling and reduced risk of delays are essential for our transport and logistics services. In case of a customs control, we can arrange for the inspection to take place at a designated location, which means that only the affected shipment is held back – not the entire consolidation. This makes a significant difference for both our operations and for clients relying on timely deliveries.</a:t>
            </a:r>
          </a:p>
          <a:p>
            <a:pPr>
              <a:spcAft>
                <a:spcPts val="1800"/>
              </a:spcAft>
            </a:pPr>
            <a:r>
              <a:rPr lang="en-US" i="1" dirty="0">
                <a:solidFill>
                  <a:schemeClr val="bg1"/>
                </a:solidFill>
              </a:rPr>
              <a:t>For us, AEO C is therefore not only an internal compliance tool, but also a way to extend tangible benefits to our customers and to strengthen the resilience of European trade.”</a:t>
            </a:r>
          </a:p>
          <a:p>
            <a:pPr>
              <a:spcAft>
                <a:spcPts val="1200"/>
              </a:spcAft>
            </a:pPr>
            <a:r>
              <a:rPr lang="en-US" dirty="0">
                <a:solidFill>
                  <a:schemeClr val="bg1"/>
                </a:solidFill>
              </a:rPr>
              <a:t>DSV Denmark</a:t>
            </a:r>
            <a:endParaRPr lang="en-GB" i="1" dirty="0">
              <a:solidFill>
                <a:schemeClr val="bg1"/>
              </a:solidFill>
            </a:endParaRPr>
          </a:p>
        </p:txBody>
      </p:sp>
      <p:sp>
        <p:nvSpPr>
          <p:cNvPr id="30" name="Freeform: Shape 29">
            <a:extLst>
              <a:ext uri="{FF2B5EF4-FFF2-40B4-BE49-F238E27FC236}">
                <a16:creationId xmlns:a16="http://schemas.microsoft.com/office/drawing/2014/main" id="{EB78B4C3-91F5-132B-DBB0-5D0100801BBD}"/>
              </a:ext>
            </a:extLst>
          </p:cNvPr>
          <p:cNvSpPr/>
          <p:nvPr/>
        </p:nvSpPr>
        <p:spPr>
          <a:xfrm>
            <a:off x="735018" y="1730331"/>
            <a:ext cx="5200152" cy="4858202"/>
          </a:xfrm>
          <a:custGeom>
            <a:avLst/>
            <a:gdLst>
              <a:gd name="connsiteX0" fmla="*/ 0 w 5161279"/>
              <a:gd name="connsiteY0" fmla="*/ 0 h 686204"/>
              <a:gd name="connsiteX1" fmla="*/ 5161279 w 5161279"/>
              <a:gd name="connsiteY1" fmla="*/ 0 h 686204"/>
              <a:gd name="connsiteX2" fmla="*/ 5161279 w 5161279"/>
              <a:gd name="connsiteY2" fmla="*/ 686204 h 686204"/>
              <a:gd name="connsiteX3" fmla="*/ 0 w 5161279"/>
              <a:gd name="connsiteY3" fmla="*/ 686204 h 686204"/>
              <a:gd name="connsiteX4" fmla="*/ 0 w 5161279"/>
              <a:gd name="connsiteY4" fmla="*/ 0 h 68620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1279" h="686204">
                <a:moveTo>
                  <a:pt x="0" y="0"/>
                </a:moveTo>
                <a:lnTo>
                  <a:pt x="5161279" y="0"/>
                </a:lnTo>
                <a:lnTo>
                  <a:pt x="5161279" y="686204"/>
                </a:lnTo>
                <a:lnTo>
                  <a:pt x="0" y="686204"/>
                </a:lnTo>
                <a:lnTo>
                  <a:pt x="0" y="0"/>
                </a:lnTo>
                <a:close/>
              </a:path>
            </a:pathLst>
          </a:custGeom>
          <a:noFill/>
          <a:ln>
            <a:noFill/>
          </a:ln>
        </p:spPr>
        <p:style>
          <a:lnRef idx="0">
            <a:scrgbClr r="0" g="0" b="0"/>
          </a:lnRef>
          <a:fillRef idx="0">
            <a:scrgbClr r="0" g="0" b="0"/>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0" tIns="0" rIns="0" bIns="0" numCol="1" spcCol="1270" anchor="t" anchorCtr="0">
            <a:noAutofit/>
          </a:bodyPr>
          <a:lstStyle/>
          <a:p>
            <a:pPr marL="0" lvl="1" algn="l" defTabSz="466725">
              <a:lnSpc>
                <a:spcPct val="90000"/>
              </a:lnSpc>
              <a:spcBef>
                <a:spcPct val="0"/>
              </a:spcBef>
              <a:spcAft>
                <a:spcPts val="1800"/>
              </a:spcAft>
            </a:pPr>
            <a:r>
              <a:rPr lang="en-US" i="1" dirty="0">
                <a:solidFill>
                  <a:schemeClr val="tx2"/>
                </a:solidFill>
              </a:rPr>
              <a:t>"For DSV as a transport company, the ability to use the AEO-C authorisation within the framework of direct representation is of central importance. </a:t>
            </a:r>
          </a:p>
          <a:p>
            <a:pPr marL="0" lvl="1" algn="l" defTabSz="466725">
              <a:lnSpc>
                <a:spcPct val="90000"/>
              </a:lnSpc>
              <a:spcBef>
                <a:spcPct val="0"/>
              </a:spcBef>
              <a:spcAft>
                <a:spcPts val="1800"/>
              </a:spcAft>
            </a:pPr>
            <a:r>
              <a:rPr lang="en-US" i="1" dirty="0">
                <a:solidFill>
                  <a:schemeClr val="tx2"/>
                </a:solidFill>
              </a:rPr>
              <a:t>Our customers – especially small and medium-sized enterprises – depend on this service because they often do not have the resources and expertise to meet the complex customs requirements on their own. </a:t>
            </a:r>
          </a:p>
          <a:p>
            <a:pPr marL="0" lvl="1" algn="l" defTabSz="466725">
              <a:lnSpc>
                <a:spcPct val="90000"/>
              </a:lnSpc>
              <a:spcBef>
                <a:spcPct val="0"/>
              </a:spcBef>
              <a:spcAft>
                <a:spcPts val="1800"/>
              </a:spcAft>
            </a:pPr>
            <a:r>
              <a:rPr lang="en-US" i="1" dirty="0">
                <a:solidFill>
                  <a:schemeClr val="tx2"/>
                </a:solidFill>
              </a:rPr>
              <a:t>By using our AEO-C privileges on behalf of our customers, we help to ensure that supply chains run smoothly and that the benefits of simplification are enjoyed not only by large corporations but also by small and medium-sized enterprises.“</a:t>
            </a:r>
          </a:p>
          <a:p>
            <a:pPr marL="0" lvl="1" algn="l" defTabSz="466725">
              <a:lnSpc>
                <a:spcPct val="90000"/>
              </a:lnSpc>
              <a:spcBef>
                <a:spcPct val="0"/>
              </a:spcBef>
              <a:spcAft>
                <a:spcPts val="1800"/>
              </a:spcAft>
            </a:pPr>
            <a:r>
              <a:rPr lang="en-US" dirty="0">
                <a:solidFill>
                  <a:schemeClr val="tx2"/>
                </a:solidFill>
              </a:rPr>
              <a:t>DSV Germany </a:t>
            </a:r>
          </a:p>
        </p:txBody>
      </p:sp>
    </p:spTree>
    <p:extLst>
      <p:ext uri="{BB962C8B-B14F-4D97-AF65-F5344CB8AC3E}">
        <p14:creationId xmlns:p14="http://schemas.microsoft.com/office/powerpoint/2010/main" val="3413321121"/>
      </p:ext>
    </p:extLst>
  </p:cSld>
  <p:clrMapOvr>
    <a:masterClrMapping/>
  </p:clrMapOvr>
  <p:transition spd="slow">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8" name="Rectangle 27">
            <a:extLst>
              <a:ext uri="{FF2B5EF4-FFF2-40B4-BE49-F238E27FC236}">
                <a16:creationId xmlns:a16="http://schemas.microsoft.com/office/drawing/2014/main" id="{C83BE36E-2319-33B7-C61D-039053FCE6B9}"/>
              </a:ext>
            </a:extLst>
          </p:cNvPr>
          <p:cNvSpPr/>
          <p:nvPr/>
        </p:nvSpPr>
        <p:spPr>
          <a:xfrm>
            <a:off x="4932172" y="4490902"/>
            <a:ext cx="7243924" cy="1978474"/>
          </a:xfrm>
          <a:prstGeom prst="rect">
            <a:avLst/>
          </a:prstGeom>
          <a:solidFill>
            <a:schemeClr val="bg1">
              <a:lumMod val="95000"/>
            </a:schemeClr>
          </a:solidFill>
          <a:ln>
            <a:noFill/>
          </a:ln>
        </p:spPr>
        <p:txBody>
          <a:bodyPr rtlCol="0" anchor="ctr"/>
          <a:lstStyle/>
          <a:p>
            <a:pPr algn="ctr"/>
            <a:endParaRPr lang="en-US" sz="1500" noProof="0" dirty="0">
              <a:solidFill>
                <a:schemeClr val="bg1"/>
              </a:solidFill>
            </a:endParaRPr>
          </a:p>
        </p:txBody>
      </p:sp>
      <p:sp>
        <p:nvSpPr>
          <p:cNvPr id="29" name="Rectangle 28">
            <a:extLst>
              <a:ext uri="{FF2B5EF4-FFF2-40B4-BE49-F238E27FC236}">
                <a16:creationId xmlns:a16="http://schemas.microsoft.com/office/drawing/2014/main" id="{FFE09512-805D-7CD1-9A58-327C3FB0E43A}"/>
              </a:ext>
            </a:extLst>
          </p:cNvPr>
          <p:cNvSpPr/>
          <p:nvPr/>
        </p:nvSpPr>
        <p:spPr>
          <a:xfrm rot="10800000" flipV="1">
            <a:off x="5294502" y="4366257"/>
            <a:ext cx="2208661" cy="466725"/>
          </a:xfrm>
          <a:prstGeom prst="rect">
            <a:avLst/>
          </a:prstGeom>
          <a:solidFill>
            <a:schemeClr val="tx2"/>
          </a:solidFill>
          <a:ln>
            <a:noFill/>
          </a:ln>
        </p:spPr>
        <p:txBody>
          <a:bodyPr rtlCol="0" anchor="ctr"/>
          <a:lstStyle/>
          <a:p>
            <a:pPr algn="ctr"/>
            <a:endParaRPr lang="en-US" sz="1500" noProof="0" dirty="0">
              <a:solidFill>
                <a:schemeClr val="bg1"/>
              </a:solidFill>
            </a:endParaRPr>
          </a:p>
        </p:txBody>
      </p:sp>
      <p:sp>
        <p:nvSpPr>
          <p:cNvPr id="2" name="Title 1">
            <a:extLst>
              <a:ext uri="{FF2B5EF4-FFF2-40B4-BE49-F238E27FC236}">
                <a16:creationId xmlns:a16="http://schemas.microsoft.com/office/drawing/2014/main" id="{74CFB8D0-DFCA-365D-8775-7EAC37E2781B}"/>
              </a:ext>
            </a:extLst>
          </p:cNvPr>
          <p:cNvSpPr>
            <a:spLocks noGrp="1"/>
          </p:cNvSpPr>
          <p:nvPr>
            <p:ph type="title"/>
          </p:nvPr>
        </p:nvSpPr>
        <p:spPr/>
        <p:txBody>
          <a:bodyPr/>
          <a:lstStyle/>
          <a:p>
            <a:r>
              <a:rPr lang="en-US" dirty="0">
                <a:solidFill>
                  <a:srgbClr val="002060"/>
                </a:solidFill>
              </a:rPr>
              <a:t>AEO C stays (most likely)</a:t>
            </a:r>
          </a:p>
        </p:txBody>
      </p:sp>
      <p:sp>
        <p:nvSpPr>
          <p:cNvPr id="4" name="Date Placeholder 3">
            <a:extLst>
              <a:ext uri="{FF2B5EF4-FFF2-40B4-BE49-F238E27FC236}">
                <a16:creationId xmlns:a16="http://schemas.microsoft.com/office/drawing/2014/main" id="{3E09C52B-D308-0637-1882-EF25EDC96C6C}"/>
              </a:ext>
            </a:extLst>
          </p:cNvPr>
          <p:cNvSpPr>
            <a:spLocks noGrp="1"/>
          </p:cNvSpPr>
          <p:nvPr>
            <p:ph type="dt" sz="half" idx="11"/>
          </p:nvPr>
        </p:nvSpPr>
        <p:spPr/>
        <p:txBody>
          <a:bodyPr/>
          <a:lstStyle/>
          <a:p>
            <a:fld id="{FC968453-BAB5-46CE-A4CF-38551120EE52}" type="datetime3">
              <a:rPr lang="en-US" smtClean="0"/>
              <a:t>4 September 2025</a:t>
            </a:fld>
            <a:endParaRPr lang="en-US" dirty="0"/>
          </a:p>
        </p:txBody>
      </p:sp>
      <p:sp>
        <p:nvSpPr>
          <p:cNvPr id="5" name="Footer Placeholder 4">
            <a:extLst>
              <a:ext uri="{FF2B5EF4-FFF2-40B4-BE49-F238E27FC236}">
                <a16:creationId xmlns:a16="http://schemas.microsoft.com/office/drawing/2014/main" id="{D9391E7B-34BA-5072-5735-76438455A1A1}"/>
              </a:ext>
            </a:extLst>
          </p:cNvPr>
          <p:cNvSpPr>
            <a:spLocks noGrp="1"/>
          </p:cNvSpPr>
          <p:nvPr>
            <p:ph type="ftr" sz="quarter" idx="12"/>
          </p:nvPr>
        </p:nvSpPr>
        <p:spPr/>
        <p:txBody>
          <a:bodyPr/>
          <a:lstStyle/>
          <a:p>
            <a:r>
              <a:rPr lang="en-US" dirty="0"/>
              <a:t>Add place via Insert, Header &amp; Footer</a:t>
            </a:r>
          </a:p>
        </p:txBody>
      </p:sp>
      <p:sp>
        <p:nvSpPr>
          <p:cNvPr id="13" name="TextBox 12">
            <a:extLst>
              <a:ext uri="{FF2B5EF4-FFF2-40B4-BE49-F238E27FC236}">
                <a16:creationId xmlns:a16="http://schemas.microsoft.com/office/drawing/2014/main" id="{2A62F689-DC59-194F-C513-DEDA2F2F96AB}"/>
              </a:ext>
            </a:extLst>
          </p:cNvPr>
          <p:cNvSpPr txBox="1"/>
          <p:nvPr/>
        </p:nvSpPr>
        <p:spPr>
          <a:xfrm>
            <a:off x="5821092" y="1190754"/>
            <a:ext cx="2494961" cy="246221"/>
          </a:xfrm>
          <a:prstGeom prst="rect">
            <a:avLst/>
          </a:prstGeom>
          <a:noFill/>
        </p:spPr>
        <p:txBody>
          <a:bodyPr wrap="square" lIns="0" tIns="0" rIns="0" bIns="0" rtlCol="0">
            <a:spAutoFit/>
          </a:bodyPr>
          <a:lstStyle/>
          <a:p>
            <a:pPr algn="l"/>
            <a:r>
              <a:rPr lang="en-US" sz="1600" b="1" dirty="0">
                <a:solidFill>
                  <a:srgbClr val="002060"/>
                </a:solidFill>
              </a:rPr>
              <a:t>What we know for now:</a:t>
            </a:r>
          </a:p>
        </p:txBody>
      </p:sp>
      <p:sp>
        <p:nvSpPr>
          <p:cNvPr id="14" name="TextBox 13">
            <a:extLst>
              <a:ext uri="{FF2B5EF4-FFF2-40B4-BE49-F238E27FC236}">
                <a16:creationId xmlns:a16="http://schemas.microsoft.com/office/drawing/2014/main" id="{3F6C997F-1694-5283-D720-9B6200B3E7E7}"/>
              </a:ext>
            </a:extLst>
          </p:cNvPr>
          <p:cNvSpPr txBox="1"/>
          <p:nvPr/>
        </p:nvSpPr>
        <p:spPr>
          <a:xfrm>
            <a:off x="5821092" y="1592829"/>
            <a:ext cx="6129717" cy="2677656"/>
          </a:xfrm>
          <a:prstGeom prst="rect">
            <a:avLst/>
          </a:prstGeom>
          <a:noFill/>
        </p:spPr>
        <p:txBody>
          <a:bodyPr wrap="square" lIns="0" tIns="0" rIns="0" bIns="0" rtlCol="0">
            <a:spAutoFit/>
          </a:bodyPr>
          <a:lstStyle/>
          <a:p>
            <a:pPr marL="285750" indent="-285750" algn="l">
              <a:spcAft>
                <a:spcPts val="600"/>
              </a:spcAft>
              <a:buFont typeface="Arial" panose="020B0604020202020204" pitchFamily="34" charset="0"/>
              <a:buChar char="•"/>
            </a:pPr>
            <a:r>
              <a:rPr lang="en-US" sz="1600" dirty="0">
                <a:solidFill>
                  <a:srgbClr val="002060"/>
                </a:solidFill>
              </a:rPr>
              <a:t>AEO C and T&amp;C to co-exist</a:t>
            </a:r>
          </a:p>
          <a:p>
            <a:pPr marL="285750" indent="-285750" algn="l">
              <a:spcAft>
                <a:spcPts val="600"/>
              </a:spcAft>
              <a:buFont typeface="Arial" panose="020B0604020202020204" pitchFamily="34" charset="0"/>
              <a:buChar char="•"/>
            </a:pPr>
            <a:r>
              <a:rPr lang="en-US" sz="1600" dirty="0">
                <a:solidFill>
                  <a:srgbClr val="002060"/>
                </a:solidFill>
              </a:rPr>
              <a:t>AEO C and T&amp;C CANNOT be hold together </a:t>
            </a:r>
          </a:p>
          <a:p>
            <a:pPr marL="285750" indent="-285750" algn="l">
              <a:spcAft>
                <a:spcPts val="600"/>
              </a:spcAft>
              <a:buFont typeface="Arial" panose="020B0604020202020204" pitchFamily="34" charset="0"/>
              <a:buChar char="•"/>
            </a:pPr>
            <a:r>
              <a:rPr lang="en-US" sz="1600" dirty="0">
                <a:solidFill>
                  <a:srgbClr val="002060"/>
                </a:solidFill>
              </a:rPr>
              <a:t>AEO C can be used by direct representatives</a:t>
            </a:r>
          </a:p>
          <a:p>
            <a:pPr marL="285750" indent="-285750" algn="l">
              <a:spcAft>
                <a:spcPts val="600"/>
              </a:spcAft>
              <a:buFont typeface="Arial" panose="020B0604020202020204" pitchFamily="34" charset="0"/>
              <a:buChar char="•"/>
            </a:pPr>
            <a:r>
              <a:rPr lang="en-US" sz="1600" dirty="0">
                <a:solidFill>
                  <a:srgbClr val="002060"/>
                </a:solidFill>
              </a:rPr>
              <a:t>T&amp;C benefits can only be used by broker if acting as indirect representative or if the client also has T&amp;C</a:t>
            </a:r>
          </a:p>
          <a:p>
            <a:pPr marL="285750" indent="-285750" algn="l">
              <a:spcAft>
                <a:spcPts val="600"/>
              </a:spcAft>
              <a:buFont typeface="Arial" panose="020B0604020202020204" pitchFamily="34" charset="0"/>
              <a:buChar char="•"/>
            </a:pPr>
            <a:r>
              <a:rPr lang="en-US" sz="1600" dirty="0">
                <a:solidFill>
                  <a:srgbClr val="002060"/>
                </a:solidFill>
              </a:rPr>
              <a:t>AEO or T&amp;C need to provide services in a different MS </a:t>
            </a:r>
          </a:p>
          <a:p>
            <a:pPr marL="285750" indent="-285750" algn="l">
              <a:spcAft>
                <a:spcPts val="600"/>
              </a:spcAft>
              <a:buFont typeface="Arial" panose="020B0604020202020204" pitchFamily="34" charset="0"/>
              <a:buChar char="•"/>
            </a:pPr>
            <a:r>
              <a:rPr lang="en-US" sz="1600" dirty="0">
                <a:solidFill>
                  <a:srgbClr val="002060"/>
                </a:solidFill>
              </a:rPr>
              <a:t>You need T&amp;C to get simplifications under certain e-commerce movements with a new distance sale warehouse </a:t>
            </a:r>
          </a:p>
          <a:p>
            <a:pPr marL="285750" indent="-285750" algn="l">
              <a:spcAft>
                <a:spcPts val="600"/>
              </a:spcAft>
              <a:buFont typeface="Arial" panose="020B0604020202020204" pitchFamily="34" charset="0"/>
              <a:buChar char="•"/>
            </a:pPr>
            <a:r>
              <a:rPr lang="en-US" sz="1600" dirty="0">
                <a:solidFill>
                  <a:srgbClr val="002060"/>
                </a:solidFill>
              </a:rPr>
              <a:t>Non-EU companies need an AEO indirect representative</a:t>
            </a:r>
          </a:p>
        </p:txBody>
      </p:sp>
      <p:sp>
        <p:nvSpPr>
          <p:cNvPr id="15" name="TextBox 14">
            <a:extLst>
              <a:ext uri="{FF2B5EF4-FFF2-40B4-BE49-F238E27FC236}">
                <a16:creationId xmlns:a16="http://schemas.microsoft.com/office/drawing/2014/main" id="{A879CCCA-C3F8-B4F9-59BB-C8E3584288DD}"/>
              </a:ext>
            </a:extLst>
          </p:cNvPr>
          <p:cNvSpPr txBox="1"/>
          <p:nvPr/>
        </p:nvSpPr>
        <p:spPr>
          <a:xfrm>
            <a:off x="5527869" y="4431575"/>
            <a:ext cx="1192415" cy="230832"/>
          </a:xfrm>
          <a:prstGeom prst="rect">
            <a:avLst/>
          </a:prstGeom>
          <a:noFill/>
        </p:spPr>
        <p:txBody>
          <a:bodyPr wrap="square" lIns="0" tIns="0" rIns="0" bIns="0" rtlCol="0">
            <a:spAutoFit/>
          </a:bodyPr>
          <a:lstStyle/>
          <a:p>
            <a:pPr algn="l"/>
            <a:r>
              <a:rPr lang="en-US" sz="1500" b="1" dirty="0">
                <a:solidFill>
                  <a:schemeClr val="bg1"/>
                </a:solidFill>
              </a:rPr>
              <a:t>Questions</a:t>
            </a:r>
          </a:p>
        </p:txBody>
      </p:sp>
      <p:sp>
        <p:nvSpPr>
          <p:cNvPr id="20" name="TextBox 19">
            <a:extLst>
              <a:ext uri="{FF2B5EF4-FFF2-40B4-BE49-F238E27FC236}">
                <a16:creationId xmlns:a16="http://schemas.microsoft.com/office/drawing/2014/main" id="{670DBD81-FCFE-7E0B-0C2A-47BE6250D8F3}"/>
              </a:ext>
            </a:extLst>
          </p:cNvPr>
          <p:cNvSpPr txBox="1"/>
          <p:nvPr/>
        </p:nvSpPr>
        <p:spPr>
          <a:xfrm>
            <a:off x="5294506" y="5227536"/>
            <a:ext cx="1800271" cy="738664"/>
          </a:xfrm>
          <a:prstGeom prst="rect">
            <a:avLst/>
          </a:prstGeom>
          <a:noFill/>
        </p:spPr>
        <p:txBody>
          <a:bodyPr wrap="square" lIns="0" tIns="0" rIns="0" bIns="0">
            <a:spAutoFit/>
          </a:bodyPr>
          <a:lstStyle/>
          <a:p>
            <a:pPr algn="l"/>
            <a:r>
              <a:rPr lang="en-US" sz="1600" dirty="0"/>
              <a:t>What are the differences? Is it the current AEO?</a:t>
            </a:r>
          </a:p>
        </p:txBody>
      </p:sp>
      <p:sp>
        <p:nvSpPr>
          <p:cNvPr id="21" name="TextBox 20">
            <a:extLst>
              <a:ext uri="{FF2B5EF4-FFF2-40B4-BE49-F238E27FC236}">
                <a16:creationId xmlns:a16="http://schemas.microsoft.com/office/drawing/2014/main" id="{6245AC6C-E54E-060E-8157-386467875304}"/>
              </a:ext>
            </a:extLst>
          </p:cNvPr>
          <p:cNvSpPr txBox="1"/>
          <p:nvPr/>
        </p:nvSpPr>
        <p:spPr>
          <a:xfrm>
            <a:off x="7547207" y="5227536"/>
            <a:ext cx="1800271" cy="492443"/>
          </a:xfrm>
          <a:prstGeom prst="rect">
            <a:avLst/>
          </a:prstGeom>
          <a:noFill/>
        </p:spPr>
        <p:txBody>
          <a:bodyPr wrap="square" lIns="0" tIns="0" rIns="0" bIns="0">
            <a:spAutoFit/>
          </a:bodyPr>
          <a:lstStyle/>
          <a:p>
            <a:r>
              <a:rPr lang="en-US" sz="1600" dirty="0"/>
              <a:t>How will this by applied by MS?</a:t>
            </a:r>
          </a:p>
        </p:txBody>
      </p:sp>
      <p:sp>
        <p:nvSpPr>
          <p:cNvPr id="22" name="TextBox 21">
            <a:extLst>
              <a:ext uri="{FF2B5EF4-FFF2-40B4-BE49-F238E27FC236}">
                <a16:creationId xmlns:a16="http://schemas.microsoft.com/office/drawing/2014/main" id="{DE30C5CA-F105-6FBC-1CB3-701597140C2F}"/>
              </a:ext>
            </a:extLst>
          </p:cNvPr>
          <p:cNvSpPr txBox="1"/>
          <p:nvPr/>
        </p:nvSpPr>
        <p:spPr>
          <a:xfrm>
            <a:off x="9799908" y="5227536"/>
            <a:ext cx="1800271" cy="738664"/>
          </a:xfrm>
          <a:prstGeom prst="rect">
            <a:avLst/>
          </a:prstGeom>
          <a:noFill/>
        </p:spPr>
        <p:txBody>
          <a:bodyPr wrap="square" lIns="0" tIns="0" rIns="0" bIns="0">
            <a:spAutoFit/>
          </a:bodyPr>
          <a:lstStyle/>
          <a:p>
            <a:pPr algn="l"/>
            <a:r>
              <a:rPr lang="en-US" sz="1600" dirty="0"/>
              <a:t>Will customs brokers be caught in the middle?</a:t>
            </a:r>
          </a:p>
        </p:txBody>
      </p:sp>
      <p:grpSp>
        <p:nvGrpSpPr>
          <p:cNvPr id="30" name="Group 29">
            <a:extLst>
              <a:ext uri="{FF2B5EF4-FFF2-40B4-BE49-F238E27FC236}">
                <a16:creationId xmlns:a16="http://schemas.microsoft.com/office/drawing/2014/main" id="{E1E64628-0789-55DF-36EB-57188E924D67}"/>
              </a:ext>
            </a:extLst>
          </p:cNvPr>
          <p:cNvGrpSpPr/>
          <p:nvPr/>
        </p:nvGrpSpPr>
        <p:grpSpPr>
          <a:xfrm>
            <a:off x="7545196" y="4490902"/>
            <a:ext cx="60611" cy="65511"/>
            <a:chOff x="3459163" y="5703888"/>
            <a:chExt cx="239713" cy="239713"/>
          </a:xfrm>
        </p:grpSpPr>
        <p:sp>
          <p:nvSpPr>
            <p:cNvPr id="31" name="Line 290">
              <a:extLst>
                <a:ext uri="{FF2B5EF4-FFF2-40B4-BE49-F238E27FC236}">
                  <a16:creationId xmlns:a16="http://schemas.microsoft.com/office/drawing/2014/main" id="{CB39045F-1D47-3C17-CA96-877F445CFFB9}"/>
                </a:ext>
              </a:extLst>
            </p:cNvPr>
            <p:cNvSpPr>
              <a:spLocks noChangeShapeType="1"/>
            </p:cNvSpPr>
            <p:nvPr/>
          </p:nvSpPr>
          <p:spPr bwMode="auto">
            <a:xfrm flipH="1" flipV="1">
              <a:off x="3459163" y="5703888"/>
              <a:ext cx="239713" cy="239713"/>
            </a:xfrm>
            <a:prstGeom prst="line">
              <a:avLst/>
            </a:prstGeom>
            <a:noFill/>
            <a:ln w="14288" cap="rnd">
              <a:solidFill>
                <a:schemeClr val="bg1"/>
              </a:solidFill>
              <a:prstDash val="solid"/>
              <a:round/>
              <a:headEnd/>
              <a:tailEnd/>
            </a:ln>
            <a:extLst>
              <a:ext uri="{909E8E84-426E-40DD-AFC4-6F175D3DCCD1}">
                <a14:hiddenFill xmlns:a14="http://schemas.microsoft.com/office/drawing/2010/main">
                  <a:noFill/>
                </a14:hiddenFill>
              </a:ext>
            </a:extLst>
          </p:spPr>
          <p:txBody>
            <a:bodyPr vert="horz" wrap="square" lIns="91440" tIns="45720" rIns="91440" bIns="45720" numCol="1" anchor="t" anchorCtr="0" compatLnSpc="1">
              <a:prstTxWarp prst="textNoShape">
                <a:avLst/>
              </a:prstTxWarp>
            </a:bodyPr>
            <a:lstStyle/>
            <a:p>
              <a:endParaRPr lang="id-ID"/>
            </a:p>
          </p:txBody>
        </p:sp>
        <p:sp>
          <p:nvSpPr>
            <p:cNvPr id="32" name="Freeform 291">
              <a:extLst>
                <a:ext uri="{FF2B5EF4-FFF2-40B4-BE49-F238E27FC236}">
                  <a16:creationId xmlns:a16="http://schemas.microsoft.com/office/drawing/2014/main" id="{A93FF344-588F-F676-50FF-E684E268CE73}"/>
                </a:ext>
              </a:extLst>
            </p:cNvPr>
            <p:cNvSpPr>
              <a:spLocks/>
            </p:cNvSpPr>
            <p:nvPr/>
          </p:nvSpPr>
          <p:spPr bwMode="auto">
            <a:xfrm>
              <a:off x="3459163" y="5703888"/>
              <a:ext cx="239713" cy="239713"/>
            </a:xfrm>
            <a:custGeom>
              <a:avLst/>
              <a:gdLst>
                <a:gd name="T0" fmla="*/ 151 w 151"/>
                <a:gd name="T1" fmla="*/ 0 h 151"/>
                <a:gd name="T2" fmla="*/ 151 w 151"/>
                <a:gd name="T3" fmla="*/ 151 h 151"/>
                <a:gd name="T4" fmla="*/ 0 w 151"/>
                <a:gd name="T5" fmla="*/ 151 h 151"/>
              </a:gdLst>
              <a:ahLst/>
              <a:cxnLst>
                <a:cxn ang="0">
                  <a:pos x="T0" y="T1"/>
                </a:cxn>
                <a:cxn ang="0">
                  <a:pos x="T2" y="T3"/>
                </a:cxn>
                <a:cxn ang="0">
                  <a:pos x="T4" y="T5"/>
                </a:cxn>
              </a:cxnLst>
              <a:rect l="0" t="0" r="r" b="b"/>
              <a:pathLst>
                <a:path w="151" h="151">
                  <a:moveTo>
                    <a:pt x="151" y="0"/>
                  </a:moveTo>
                  <a:lnTo>
                    <a:pt x="151" y="151"/>
                  </a:lnTo>
                  <a:lnTo>
                    <a:pt x="0" y="151"/>
                  </a:lnTo>
                </a:path>
              </a:pathLst>
            </a:custGeom>
            <a:noFill/>
            <a:ln w="14288" cap="rnd">
              <a:solidFill>
                <a:schemeClr val="bg1"/>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id-ID"/>
            </a:p>
          </p:txBody>
        </p:sp>
      </p:grpSp>
      <p:cxnSp>
        <p:nvCxnSpPr>
          <p:cNvPr id="34" name="Straight Connector 33">
            <a:extLst>
              <a:ext uri="{FF2B5EF4-FFF2-40B4-BE49-F238E27FC236}">
                <a16:creationId xmlns:a16="http://schemas.microsoft.com/office/drawing/2014/main" id="{0C7943EA-399E-5F45-2896-588AB1AA14E4}"/>
              </a:ext>
            </a:extLst>
          </p:cNvPr>
          <p:cNvCxnSpPr/>
          <p:nvPr/>
        </p:nvCxnSpPr>
        <p:spPr>
          <a:xfrm>
            <a:off x="5294502" y="4973953"/>
            <a:ext cx="5968687" cy="0"/>
          </a:xfrm>
          <a:prstGeom prst="line">
            <a:avLst/>
          </a:prstGeom>
          <a:ln w="9525">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A68D30A5-64E6-6406-846E-6F6DBB3ACA3A}"/>
              </a:ext>
            </a:extLst>
          </p:cNvPr>
          <p:cNvCxnSpPr/>
          <p:nvPr/>
        </p:nvCxnSpPr>
        <p:spPr>
          <a:xfrm>
            <a:off x="5294502" y="4973953"/>
            <a:ext cx="328650" cy="0"/>
          </a:xfrm>
          <a:prstGeom prst="line">
            <a:avLst/>
          </a:prstGeom>
          <a:ln w="28575">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A50E1D38-D22C-E3A4-ACE0-44AF24AA220B}"/>
              </a:ext>
            </a:extLst>
          </p:cNvPr>
          <p:cNvCxnSpPr>
            <a:cxnSpLocks/>
          </p:cNvCxnSpPr>
          <p:nvPr/>
        </p:nvCxnSpPr>
        <p:spPr>
          <a:xfrm>
            <a:off x="7547207" y="4973953"/>
            <a:ext cx="328650" cy="0"/>
          </a:xfrm>
          <a:prstGeom prst="line">
            <a:avLst/>
          </a:prstGeom>
          <a:ln w="28575">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8" name="Straight Connector 37">
            <a:extLst>
              <a:ext uri="{FF2B5EF4-FFF2-40B4-BE49-F238E27FC236}">
                <a16:creationId xmlns:a16="http://schemas.microsoft.com/office/drawing/2014/main" id="{9228FF00-9CDE-8F28-7252-59F3792D3F98}"/>
              </a:ext>
            </a:extLst>
          </p:cNvPr>
          <p:cNvCxnSpPr>
            <a:cxnSpLocks/>
          </p:cNvCxnSpPr>
          <p:nvPr/>
        </p:nvCxnSpPr>
        <p:spPr>
          <a:xfrm>
            <a:off x="9799908" y="4973953"/>
            <a:ext cx="328650" cy="0"/>
          </a:xfrm>
          <a:prstGeom prst="line">
            <a:avLst/>
          </a:prstGeom>
          <a:ln w="28575">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EDC9ADCD-42BC-BE76-3E30-B4F672BB0BCE}"/>
              </a:ext>
            </a:extLst>
          </p:cNvPr>
          <p:cNvCxnSpPr>
            <a:cxnSpLocks/>
          </p:cNvCxnSpPr>
          <p:nvPr/>
        </p:nvCxnSpPr>
        <p:spPr>
          <a:xfrm>
            <a:off x="5229269" y="1987914"/>
            <a:ext cx="0" cy="1240501"/>
          </a:xfrm>
          <a:prstGeom prst="line">
            <a:avLst/>
          </a:prstGeom>
          <a:ln w="9525">
            <a:solidFill>
              <a:schemeClr val="bg2"/>
            </a:solidFill>
          </a:ln>
        </p:spPr>
        <p:style>
          <a:lnRef idx="1">
            <a:schemeClr val="accent1"/>
          </a:lnRef>
          <a:fillRef idx="0">
            <a:schemeClr val="accent1"/>
          </a:fillRef>
          <a:effectRef idx="0">
            <a:schemeClr val="accent1"/>
          </a:effectRef>
          <a:fontRef idx="minor">
            <a:schemeClr val="tx1"/>
          </a:fontRef>
        </p:style>
      </p:cxnSp>
      <p:sp>
        <p:nvSpPr>
          <p:cNvPr id="60" name="Oval 59">
            <a:extLst>
              <a:ext uri="{FF2B5EF4-FFF2-40B4-BE49-F238E27FC236}">
                <a16:creationId xmlns:a16="http://schemas.microsoft.com/office/drawing/2014/main" id="{25462DF7-AA28-45F9-FD89-388A865004D7}"/>
              </a:ext>
            </a:extLst>
          </p:cNvPr>
          <p:cNvSpPr/>
          <p:nvPr/>
        </p:nvSpPr>
        <p:spPr>
          <a:xfrm>
            <a:off x="4949868" y="1241454"/>
            <a:ext cx="610339" cy="558800"/>
          </a:xfrm>
          <a:prstGeom prst="ellipse">
            <a:avLst/>
          </a:prstGeom>
          <a:solidFill>
            <a:srgbClr val="BFDCEC"/>
          </a:solidFill>
          <a:ln>
            <a:noFill/>
          </a:ln>
        </p:spPr>
        <p:txBody>
          <a:bodyPr rtlCol="0" anchor="ctr"/>
          <a:lstStyle/>
          <a:p>
            <a:pPr algn="ctr"/>
            <a:endParaRPr lang="en-US" sz="1500" noProof="0" dirty="0">
              <a:solidFill>
                <a:schemeClr val="bg1"/>
              </a:solidFill>
            </a:endParaRPr>
          </a:p>
        </p:txBody>
      </p:sp>
      <p:grpSp>
        <p:nvGrpSpPr>
          <p:cNvPr id="41" name="Group 40">
            <a:extLst>
              <a:ext uri="{FF2B5EF4-FFF2-40B4-BE49-F238E27FC236}">
                <a16:creationId xmlns:a16="http://schemas.microsoft.com/office/drawing/2014/main" id="{FE19655B-CADB-3174-6E83-4FC30A897C5C}"/>
              </a:ext>
            </a:extLst>
          </p:cNvPr>
          <p:cNvGrpSpPr/>
          <p:nvPr/>
        </p:nvGrpSpPr>
        <p:grpSpPr>
          <a:xfrm>
            <a:off x="5068262" y="1417324"/>
            <a:ext cx="332659" cy="219434"/>
            <a:chOff x="7834307" y="4346740"/>
            <a:chExt cx="627448" cy="452061"/>
          </a:xfrm>
        </p:grpSpPr>
        <p:sp>
          <p:nvSpPr>
            <p:cNvPr id="42" name="Freeform: Shape 41">
              <a:extLst>
                <a:ext uri="{FF2B5EF4-FFF2-40B4-BE49-F238E27FC236}">
                  <a16:creationId xmlns:a16="http://schemas.microsoft.com/office/drawing/2014/main" id="{08267F2D-B8D8-7300-7B5C-099A5EE4334B}"/>
                </a:ext>
              </a:extLst>
            </p:cNvPr>
            <p:cNvSpPr/>
            <p:nvPr/>
          </p:nvSpPr>
          <p:spPr>
            <a:xfrm>
              <a:off x="8204473" y="4396532"/>
              <a:ext cx="148852" cy="148394"/>
            </a:xfrm>
            <a:custGeom>
              <a:avLst/>
              <a:gdLst>
                <a:gd name="connsiteX0" fmla="*/ 67285 w 148852"/>
                <a:gd name="connsiteY0" fmla="*/ 148394 h 148394"/>
                <a:gd name="connsiteX1" fmla="*/ 40030 w 148852"/>
                <a:gd name="connsiteY1" fmla="*/ 118912 h 148394"/>
                <a:gd name="connsiteX2" fmla="*/ 66630 w 148852"/>
                <a:gd name="connsiteY2" fmla="*/ 79406 h 148394"/>
                <a:gd name="connsiteX3" fmla="*/ 81306 w 148852"/>
                <a:gd name="connsiteY3" fmla="*/ 63551 h 148394"/>
                <a:gd name="connsiteX4" fmla="*/ 72854 w 148852"/>
                <a:gd name="connsiteY4" fmla="*/ 56868 h 148394"/>
                <a:gd name="connsiteX5" fmla="*/ 58178 w 148852"/>
                <a:gd name="connsiteY5" fmla="*/ 66696 h 148394"/>
                <a:gd name="connsiteX6" fmla="*/ 30400 w 148852"/>
                <a:gd name="connsiteY6" fmla="*/ 85237 h 148394"/>
                <a:gd name="connsiteX7" fmla="*/ 0 w 148852"/>
                <a:gd name="connsiteY7" fmla="*/ 55165 h 148394"/>
                <a:gd name="connsiteX8" fmla="*/ 73116 w 148852"/>
                <a:gd name="connsiteY8" fmla="*/ 0 h 148394"/>
                <a:gd name="connsiteX9" fmla="*/ 148853 w 148852"/>
                <a:gd name="connsiteY9" fmla="*/ 62699 h 148394"/>
                <a:gd name="connsiteX10" fmla="*/ 111771 w 148852"/>
                <a:gd name="connsiteY10" fmla="*/ 118453 h 148394"/>
                <a:gd name="connsiteX11" fmla="*/ 97030 w 148852"/>
                <a:gd name="connsiteY11" fmla="*/ 130050 h 148394"/>
                <a:gd name="connsiteX12" fmla="*/ 67285 w 148852"/>
                <a:gd name="connsiteY12" fmla="*/ 148394 h 148394"/>
                <a:gd name="connsiteX13" fmla="*/ 72854 w 148852"/>
                <a:gd name="connsiteY13" fmla="*/ 40489 h 148394"/>
                <a:gd name="connsiteX14" fmla="*/ 97685 w 148852"/>
                <a:gd name="connsiteY14" fmla="*/ 63551 h 148394"/>
                <a:gd name="connsiteX15" fmla="*/ 74754 w 148852"/>
                <a:gd name="connsiteY15" fmla="*/ 93557 h 148394"/>
                <a:gd name="connsiteX16" fmla="*/ 56409 w 148852"/>
                <a:gd name="connsiteY16" fmla="*/ 118846 h 148394"/>
                <a:gd name="connsiteX17" fmla="*/ 67285 w 148852"/>
                <a:gd name="connsiteY17" fmla="*/ 131950 h 148394"/>
                <a:gd name="connsiteX18" fmla="*/ 81895 w 148852"/>
                <a:gd name="connsiteY18" fmla="*/ 123826 h 148394"/>
                <a:gd name="connsiteX19" fmla="*/ 103516 w 148852"/>
                <a:gd name="connsiteY19" fmla="*/ 104236 h 148394"/>
                <a:gd name="connsiteX20" fmla="*/ 132474 w 148852"/>
                <a:gd name="connsiteY20" fmla="*/ 62634 h 148394"/>
                <a:gd name="connsiteX21" fmla="*/ 73116 w 148852"/>
                <a:gd name="connsiteY21" fmla="*/ 16314 h 148394"/>
                <a:gd name="connsiteX22" fmla="*/ 16379 w 148852"/>
                <a:gd name="connsiteY22" fmla="*/ 55099 h 148394"/>
                <a:gd name="connsiteX23" fmla="*/ 30400 w 148852"/>
                <a:gd name="connsiteY23" fmla="*/ 68792 h 148394"/>
                <a:gd name="connsiteX24" fmla="*/ 44092 w 148852"/>
                <a:gd name="connsiteY24" fmla="*/ 58244 h 148394"/>
                <a:gd name="connsiteX25" fmla="*/ 72854 w 148852"/>
                <a:gd name="connsiteY25" fmla="*/ 40489 h 1483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48852" h="148394">
                  <a:moveTo>
                    <a:pt x="67285" y="148394"/>
                  </a:moveTo>
                  <a:cubicBezTo>
                    <a:pt x="50447" y="148394"/>
                    <a:pt x="40030" y="137060"/>
                    <a:pt x="40030" y="118912"/>
                  </a:cubicBezTo>
                  <a:cubicBezTo>
                    <a:pt x="40030" y="97095"/>
                    <a:pt x="55165" y="85892"/>
                    <a:pt x="66630" y="79406"/>
                  </a:cubicBezTo>
                  <a:cubicBezTo>
                    <a:pt x="81306" y="70954"/>
                    <a:pt x="81306" y="69513"/>
                    <a:pt x="81306" y="63551"/>
                  </a:cubicBezTo>
                  <a:cubicBezTo>
                    <a:pt x="81306" y="60603"/>
                    <a:pt x="81306" y="56868"/>
                    <a:pt x="72854" y="56868"/>
                  </a:cubicBezTo>
                  <a:cubicBezTo>
                    <a:pt x="66958" y="56868"/>
                    <a:pt x="62109" y="60078"/>
                    <a:pt x="58178" y="66696"/>
                  </a:cubicBezTo>
                  <a:cubicBezTo>
                    <a:pt x="49792" y="80913"/>
                    <a:pt x="43306" y="85237"/>
                    <a:pt x="30400" y="85237"/>
                  </a:cubicBezTo>
                  <a:cubicBezTo>
                    <a:pt x="11924" y="85237"/>
                    <a:pt x="0" y="73444"/>
                    <a:pt x="0" y="55165"/>
                  </a:cubicBezTo>
                  <a:cubicBezTo>
                    <a:pt x="0" y="32037"/>
                    <a:pt x="25420" y="0"/>
                    <a:pt x="73116" y="0"/>
                  </a:cubicBezTo>
                  <a:cubicBezTo>
                    <a:pt x="125464" y="0"/>
                    <a:pt x="148853" y="31513"/>
                    <a:pt x="148853" y="62699"/>
                  </a:cubicBezTo>
                  <a:cubicBezTo>
                    <a:pt x="148853" y="96767"/>
                    <a:pt x="127429" y="109281"/>
                    <a:pt x="111771" y="118453"/>
                  </a:cubicBezTo>
                  <a:cubicBezTo>
                    <a:pt x="105023" y="122384"/>
                    <a:pt x="98667" y="126119"/>
                    <a:pt x="97030" y="130050"/>
                  </a:cubicBezTo>
                  <a:cubicBezTo>
                    <a:pt x="90609" y="146167"/>
                    <a:pt x="78947" y="148394"/>
                    <a:pt x="67285" y="148394"/>
                  </a:cubicBezTo>
                  <a:close/>
                  <a:moveTo>
                    <a:pt x="72854" y="40489"/>
                  </a:moveTo>
                  <a:cubicBezTo>
                    <a:pt x="88185" y="40489"/>
                    <a:pt x="97685" y="49334"/>
                    <a:pt x="97685" y="63551"/>
                  </a:cubicBezTo>
                  <a:cubicBezTo>
                    <a:pt x="97685" y="78751"/>
                    <a:pt x="90674" y="84385"/>
                    <a:pt x="74754" y="93557"/>
                  </a:cubicBezTo>
                  <a:cubicBezTo>
                    <a:pt x="61913" y="100895"/>
                    <a:pt x="56409" y="108495"/>
                    <a:pt x="56409" y="118846"/>
                  </a:cubicBezTo>
                  <a:cubicBezTo>
                    <a:pt x="56409" y="130377"/>
                    <a:pt x="61651" y="131950"/>
                    <a:pt x="67285" y="131950"/>
                  </a:cubicBezTo>
                  <a:cubicBezTo>
                    <a:pt x="77113" y="131950"/>
                    <a:pt x="79340" y="130115"/>
                    <a:pt x="81895" y="123826"/>
                  </a:cubicBezTo>
                  <a:cubicBezTo>
                    <a:pt x="85630" y="114653"/>
                    <a:pt x="94343" y="109609"/>
                    <a:pt x="103516" y="104236"/>
                  </a:cubicBezTo>
                  <a:cubicBezTo>
                    <a:pt x="117733" y="95916"/>
                    <a:pt x="132474" y="87333"/>
                    <a:pt x="132474" y="62634"/>
                  </a:cubicBezTo>
                  <a:cubicBezTo>
                    <a:pt x="132474" y="41275"/>
                    <a:pt x="116947" y="16314"/>
                    <a:pt x="73116" y="16314"/>
                  </a:cubicBezTo>
                  <a:cubicBezTo>
                    <a:pt x="33544" y="16314"/>
                    <a:pt x="16379" y="41996"/>
                    <a:pt x="16379" y="55099"/>
                  </a:cubicBezTo>
                  <a:cubicBezTo>
                    <a:pt x="16379" y="64206"/>
                    <a:pt x="21096" y="68792"/>
                    <a:pt x="30400" y="68792"/>
                  </a:cubicBezTo>
                  <a:cubicBezTo>
                    <a:pt x="36165" y="68792"/>
                    <a:pt x="37868" y="68792"/>
                    <a:pt x="44092" y="58244"/>
                  </a:cubicBezTo>
                  <a:cubicBezTo>
                    <a:pt x="52937" y="43568"/>
                    <a:pt x="64665" y="40489"/>
                    <a:pt x="72854" y="40489"/>
                  </a:cubicBezTo>
                  <a:close/>
                </a:path>
              </a:pathLst>
            </a:custGeom>
            <a:solidFill>
              <a:srgbClr val="4B87E0"/>
            </a:solidFill>
            <a:ln w="6548" cap="flat">
              <a:noFill/>
              <a:prstDash val="solid"/>
              <a:miter/>
            </a:ln>
          </p:spPr>
          <p:txBody>
            <a:bodyPr rtlCol="0" anchor="ctr"/>
            <a:lstStyle/>
            <a:p>
              <a:endParaRPr lang="en-US" dirty="0"/>
            </a:p>
          </p:txBody>
        </p:sp>
        <p:sp>
          <p:nvSpPr>
            <p:cNvPr id="43" name="Freeform: Shape 42">
              <a:extLst>
                <a:ext uri="{FF2B5EF4-FFF2-40B4-BE49-F238E27FC236}">
                  <a16:creationId xmlns:a16="http://schemas.microsoft.com/office/drawing/2014/main" id="{49F864DD-22FE-B608-15B0-202815672707}"/>
                </a:ext>
              </a:extLst>
            </p:cNvPr>
            <p:cNvSpPr/>
            <p:nvPr/>
          </p:nvSpPr>
          <p:spPr>
            <a:xfrm>
              <a:off x="8239983" y="4555540"/>
              <a:ext cx="70429" cy="68726"/>
            </a:xfrm>
            <a:custGeom>
              <a:avLst/>
              <a:gdLst>
                <a:gd name="connsiteX0" fmla="*/ 35182 w 70429"/>
                <a:gd name="connsiteY0" fmla="*/ 68727 h 68726"/>
                <a:gd name="connsiteX1" fmla="*/ 0 w 70429"/>
                <a:gd name="connsiteY1" fmla="*/ 34396 h 68726"/>
                <a:gd name="connsiteX2" fmla="*/ 35182 w 70429"/>
                <a:gd name="connsiteY2" fmla="*/ 0 h 68726"/>
                <a:gd name="connsiteX3" fmla="*/ 70430 w 70429"/>
                <a:gd name="connsiteY3" fmla="*/ 34396 h 68726"/>
                <a:gd name="connsiteX4" fmla="*/ 35182 w 70429"/>
                <a:gd name="connsiteY4" fmla="*/ 68727 h 68726"/>
                <a:gd name="connsiteX5" fmla="*/ 35182 w 70429"/>
                <a:gd name="connsiteY5" fmla="*/ 16379 h 68726"/>
                <a:gd name="connsiteX6" fmla="*/ 16379 w 70429"/>
                <a:gd name="connsiteY6" fmla="*/ 34396 h 68726"/>
                <a:gd name="connsiteX7" fmla="*/ 35182 w 70429"/>
                <a:gd name="connsiteY7" fmla="*/ 52347 h 68726"/>
                <a:gd name="connsiteX8" fmla="*/ 54051 w 70429"/>
                <a:gd name="connsiteY8" fmla="*/ 34396 h 68726"/>
                <a:gd name="connsiteX9" fmla="*/ 35182 w 70429"/>
                <a:gd name="connsiteY9" fmla="*/ 16379 h 68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0429" h="68726">
                  <a:moveTo>
                    <a:pt x="35182" y="68727"/>
                  </a:moveTo>
                  <a:cubicBezTo>
                    <a:pt x="15789" y="68727"/>
                    <a:pt x="0" y="53330"/>
                    <a:pt x="0" y="34396"/>
                  </a:cubicBezTo>
                  <a:cubicBezTo>
                    <a:pt x="0" y="15462"/>
                    <a:pt x="15789" y="0"/>
                    <a:pt x="35182" y="0"/>
                  </a:cubicBezTo>
                  <a:cubicBezTo>
                    <a:pt x="54575" y="0"/>
                    <a:pt x="70430" y="15396"/>
                    <a:pt x="70430" y="34396"/>
                  </a:cubicBezTo>
                  <a:cubicBezTo>
                    <a:pt x="70364" y="53330"/>
                    <a:pt x="54575" y="68727"/>
                    <a:pt x="35182" y="68727"/>
                  </a:cubicBezTo>
                  <a:close/>
                  <a:moveTo>
                    <a:pt x="35182" y="16379"/>
                  </a:moveTo>
                  <a:cubicBezTo>
                    <a:pt x="24831" y="16379"/>
                    <a:pt x="16379" y="24438"/>
                    <a:pt x="16379" y="34396"/>
                  </a:cubicBezTo>
                  <a:cubicBezTo>
                    <a:pt x="16379" y="44289"/>
                    <a:pt x="24831" y="52347"/>
                    <a:pt x="35182" y="52347"/>
                  </a:cubicBezTo>
                  <a:cubicBezTo>
                    <a:pt x="45534" y="52347"/>
                    <a:pt x="54051" y="44289"/>
                    <a:pt x="54051" y="34396"/>
                  </a:cubicBezTo>
                  <a:cubicBezTo>
                    <a:pt x="53985" y="24503"/>
                    <a:pt x="45534" y="16379"/>
                    <a:pt x="35182" y="16379"/>
                  </a:cubicBezTo>
                  <a:close/>
                </a:path>
              </a:pathLst>
            </a:custGeom>
            <a:solidFill>
              <a:srgbClr val="4B87E0"/>
            </a:solidFill>
            <a:ln w="6548" cap="flat">
              <a:noFill/>
              <a:prstDash val="solid"/>
              <a:miter/>
            </a:ln>
          </p:spPr>
          <p:txBody>
            <a:bodyPr rtlCol="0" anchor="ctr"/>
            <a:lstStyle/>
            <a:p>
              <a:endParaRPr lang="en-US" dirty="0"/>
            </a:p>
          </p:txBody>
        </p:sp>
        <p:sp>
          <p:nvSpPr>
            <p:cNvPr id="44" name="Freeform: Shape 43">
              <a:extLst>
                <a:ext uri="{FF2B5EF4-FFF2-40B4-BE49-F238E27FC236}">
                  <a16:creationId xmlns:a16="http://schemas.microsoft.com/office/drawing/2014/main" id="{5859B710-119B-FA81-D1AF-2BCDCB3699FB}"/>
                </a:ext>
              </a:extLst>
            </p:cNvPr>
            <p:cNvSpPr/>
            <p:nvPr/>
          </p:nvSpPr>
          <p:spPr>
            <a:xfrm>
              <a:off x="7899037" y="4507582"/>
              <a:ext cx="133784" cy="16641"/>
            </a:xfrm>
            <a:custGeom>
              <a:avLst/>
              <a:gdLst>
                <a:gd name="connsiteX0" fmla="*/ 125595 w 133784"/>
                <a:gd name="connsiteY0" fmla="*/ 16641 h 16641"/>
                <a:gd name="connsiteX1" fmla="*/ 125595 w 133784"/>
                <a:gd name="connsiteY1" fmla="*/ 16641 h 16641"/>
                <a:gd name="connsiteX2" fmla="*/ 8190 w 133784"/>
                <a:gd name="connsiteY2" fmla="*/ 16379 h 16641"/>
                <a:gd name="connsiteX3" fmla="*/ 0 w 133784"/>
                <a:gd name="connsiteY3" fmla="*/ 8190 h 16641"/>
                <a:gd name="connsiteX4" fmla="*/ 8190 w 133784"/>
                <a:gd name="connsiteY4" fmla="*/ 0 h 16641"/>
                <a:gd name="connsiteX5" fmla="*/ 8190 w 133784"/>
                <a:gd name="connsiteY5" fmla="*/ 0 h 16641"/>
                <a:gd name="connsiteX6" fmla="*/ 125595 w 133784"/>
                <a:gd name="connsiteY6" fmla="*/ 262 h 16641"/>
                <a:gd name="connsiteX7" fmla="*/ 133784 w 133784"/>
                <a:gd name="connsiteY7" fmla="*/ 8452 h 16641"/>
                <a:gd name="connsiteX8" fmla="*/ 125595 w 133784"/>
                <a:gd name="connsiteY8" fmla="*/ 16641 h 166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33784" h="16641">
                  <a:moveTo>
                    <a:pt x="125595" y="16641"/>
                  </a:moveTo>
                  <a:cubicBezTo>
                    <a:pt x="125595" y="16641"/>
                    <a:pt x="125595" y="16641"/>
                    <a:pt x="125595" y="16641"/>
                  </a:cubicBezTo>
                  <a:lnTo>
                    <a:pt x="8190" y="16379"/>
                  </a:lnTo>
                  <a:cubicBezTo>
                    <a:pt x="3669" y="16379"/>
                    <a:pt x="0" y="12710"/>
                    <a:pt x="0" y="8190"/>
                  </a:cubicBezTo>
                  <a:cubicBezTo>
                    <a:pt x="0" y="3669"/>
                    <a:pt x="3669" y="0"/>
                    <a:pt x="8190" y="0"/>
                  </a:cubicBezTo>
                  <a:cubicBezTo>
                    <a:pt x="8190" y="0"/>
                    <a:pt x="8190" y="0"/>
                    <a:pt x="8190" y="0"/>
                  </a:cubicBezTo>
                  <a:lnTo>
                    <a:pt x="125595" y="262"/>
                  </a:lnTo>
                  <a:cubicBezTo>
                    <a:pt x="130115" y="262"/>
                    <a:pt x="133784" y="3931"/>
                    <a:pt x="133784" y="8452"/>
                  </a:cubicBezTo>
                  <a:cubicBezTo>
                    <a:pt x="133784" y="12972"/>
                    <a:pt x="130115" y="16641"/>
                    <a:pt x="125595" y="16641"/>
                  </a:cubicBezTo>
                  <a:close/>
                </a:path>
              </a:pathLst>
            </a:custGeom>
            <a:solidFill>
              <a:srgbClr val="4B87E0"/>
            </a:solidFill>
            <a:ln w="6548" cap="flat">
              <a:noFill/>
              <a:prstDash val="solid"/>
              <a:miter/>
            </a:ln>
          </p:spPr>
          <p:txBody>
            <a:bodyPr rtlCol="0" anchor="ctr"/>
            <a:lstStyle/>
            <a:p>
              <a:endParaRPr lang="en-US" dirty="0"/>
            </a:p>
          </p:txBody>
        </p:sp>
        <p:sp>
          <p:nvSpPr>
            <p:cNvPr id="45" name="Freeform: Shape 44">
              <a:extLst>
                <a:ext uri="{FF2B5EF4-FFF2-40B4-BE49-F238E27FC236}">
                  <a16:creationId xmlns:a16="http://schemas.microsoft.com/office/drawing/2014/main" id="{BFD2281B-9A30-BF83-52E0-21B022990D93}"/>
                </a:ext>
              </a:extLst>
            </p:cNvPr>
            <p:cNvSpPr/>
            <p:nvPr/>
          </p:nvSpPr>
          <p:spPr>
            <a:xfrm>
              <a:off x="7899561" y="4551085"/>
              <a:ext cx="133784" cy="16444"/>
            </a:xfrm>
            <a:custGeom>
              <a:avLst/>
              <a:gdLst>
                <a:gd name="connsiteX0" fmla="*/ 125595 w 133784"/>
                <a:gd name="connsiteY0" fmla="*/ 16445 h 16444"/>
                <a:gd name="connsiteX1" fmla="*/ 125595 w 133784"/>
                <a:gd name="connsiteY1" fmla="*/ 16445 h 16444"/>
                <a:gd name="connsiteX2" fmla="*/ 8190 w 133784"/>
                <a:gd name="connsiteY2" fmla="*/ 16379 h 16444"/>
                <a:gd name="connsiteX3" fmla="*/ 0 w 133784"/>
                <a:gd name="connsiteY3" fmla="*/ 8190 h 16444"/>
                <a:gd name="connsiteX4" fmla="*/ 8190 w 133784"/>
                <a:gd name="connsiteY4" fmla="*/ 0 h 16444"/>
                <a:gd name="connsiteX5" fmla="*/ 8190 w 133784"/>
                <a:gd name="connsiteY5" fmla="*/ 0 h 16444"/>
                <a:gd name="connsiteX6" fmla="*/ 125595 w 133784"/>
                <a:gd name="connsiteY6" fmla="*/ 66 h 16444"/>
                <a:gd name="connsiteX7" fmla="*/ 133784 w 133784"/>
                <a:gd name="connsiteY7" fmla="*/ 8255 h 16444"/>
                <a:gd name="connsiteX8" fmla="*/ 125595 w 133784"/>
                <a:gd name="connsiteY8" fmla="*/ 16445 h 164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33784" h="16444">
                  <a:moveTo>
                    <a:pt x="125595" y="16445"/>
                  </a:moveTo>
                  <a:lnTo>
                    <a:pt x="125595" y="16445"/>
                  </a:lnTo>
                  <a:lnTo>
                    <a:pt x="8190" y="16379"/>
                  </a:lnTo>
                  <a:cubicBezTo>
                    <a:pt x="3669" y="16379"/>
                    <a:pt x="0" y="12710"/>
                    <a:pt x="0" y="8190"/>
                  </a:cubicBezTo>
                  <a:cubicBezTo>
                    <a:pt x="0" y="3669"/>
                    <a:pt x="3669" y="0"/>
                    <a:pt x="8190" y="0"/>
                  </a:cubicBezTo>
                  <a:lnTo>
                    <a:pt x="8190" y="0"/>
                  </a:lnTo>
                  <a:lnTo>
                    <a:pt x="125595" y="66"/>
                  </a:lnTo>
                  <a:cubicBezTo>
                    <a:pt x="130115" y="66"/>
                    <a:pt x="133784" y="3734"/>
                    <a:pt x="133784" y="8255"/>
                  </a:cubicBezTo>
                  <a:cubicBezTo>
                    <a:pt x="133784" y="12776"/>
                    <a:pt x="130115" y="16445"/>
                    <a:pt x="125595" y="16445"/>
                  </a:cubicBezTo>
                  <a:close/>
                </a:path>
              </a:pathLst>
            </a:custGeom>
            <a:solidFill>
              <a:schemeClr val="tx1"/>
            </a:solidFill>
            <a:ln w="6548" cap="flat">
              <a:noFill/>
              <a:prstDash val="solid"/>
              <a:miter/>
            </a:ln>
          </p:spPr>
          <p:txBody>
            <a:bodyPr rtlCol="0" anchor="ctr"/>
            <a:lstStyle/>
            <a:p>
              <a:endParaRPr lang="en-US" dirty="0"/>
            </a:p>
          </p:txBody>
        </p:sp>
        <p:sp>
          <p:nvSpPr>
            <p:cNvPr id="46" name="Freeform: Shape 45">
              <a:extLst>
                <a:ext uri="{FF2B5EF4-FFF2-40B4-BE49-F238E27FC236}">
                  <a16:creationId xmlns:a16="http://schemas.microsoft.com/office/drawing/2014/main" id="{E93FDA58-A995-923F-358D-CCD7EB219FF1}"/>
                </a:ext>
              </a:extLst>
            </p:cNvPr>
            <p:cNvSpPr/>
            <p:nvPr/>
          </p:nvSpPr>
          <p:spPr>
            <a:xfrm>
              <a:off x="7899561" y="4594522"/>
              <a:ext cx="133784" cy="16444"/>
            </a:xfrm>
            <a:custGeom>
              <a:avLst/>
              <a:gdLst>
                <a:gd name="connsiteX0" fmla="*/ 125595 w 133784"/>
                <a:gd name="connsiteY0" fmla="*/ 16445 h 16444"/>
                <a:gd name="connsiteX1" fmla="*/ 125595 w 133784"/>
                <a:gd name="connsiteY1" fmla="*/ 16445 h 16444"/>
                <a:gd name="connsiteX2" fmla="*/ 8190 w 133784"/>
                <a:gd name="connsiteY2" fmla="*/ 16379 h 16444"/>
                <a:gd name="connsiteX3" fmla="*/ 0 w 133784"/>
                <a:gd name="connsiteY3" fmla="*/ 8190 h 16444"/>
                <a:gd name="connsiteX4" fmla="*/ 8190 w 133784"/>
                <a:gd name="connsiteY4" fmla="*/ 0 h 16444"/>
                <a:gd name="connsiteX5" fmla="*/ 8190 w 133784"/>
                <a:gd name="connsiteY5" fmla="*/ 0 h 16444"/>
                <a:gd name="connsiteX6" fmla="*/ 125595 w 133784"/>
                <a:gd name="connsiteY6" fmla="*/ 66 h 16444"/>
                <a:gd name="connsiteX7" fmla="*/ 133784 w 133784"/>
                <a:gd name="connsiteY7" fmla="*/ 8255 h 16444"/>
                <a:gd name="connsiteX8" fmla="*/ 125595 w 133784"/>
                <a:gd name="connsiteY8" fmla="*/ 16445 h 164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33784" h="16444">
                  <a:moveTo>
                    <a:pt x="125595" y="16445"/>
                  </a:moveTo>
                  <a:lnTo>
                    <a:pt x="125595" y="16445"/>
                  </a:lnTo>
                  <a:lnTo>
                    <a:pt x="8190" y="16379"/>
                  </a:lnTo>
                  <a:cubicBezTo>
                    <a:pt x="3669" y="16379"/>
                    <a:pt x="0" y="12710"/>
                    <a:pt x="0" y="8190"/>
                  </a:cubicBezTo>
                  <a:cubicBezTo>
                    <a:pt x="0" y="3669"/>
                    <a:pt x="3669" y="0"/>
                    <a:pt x="8190" y="0"/>
                  </a:cubicBezTo>
                  <a:lnTo>
                    <a:pt x="8190" y="0"/>
                  </a:lnTo>
                  <a:lnTo>
                    <a:pt x="125595" y="66"/>
                  </a:lnTo>
                  <a:cubicBezTo>
                    <a:pt x="130115" y="66"/>
                    <a:pt x="133784" y="3734"/>
                    <a:pt x="133784" y="8255"/>
                  </a:cubicBezTo>
                  <a:cubicBezTo>
                    <a:pt x="133784" y="12776"/>
                    <a:pt x="130115" y="16445"/>
                    <a:pt x="125595" y="16445"/>
                  </a:cubicBezTo>
                  <a:close/>
                </a:path>
              </a:pathLst>
            </a:custGeom>
            <a:solidFill>
              <a:srgbClr val="4B87E0"/>
            </a:solidFill>
            <a:ln w="6548" cap="flat">
              <a:noFill/>
              <a:prstDash val="solid"/>
              <a:miter/>
            </a:ln>
          </p:spPr>
          <p:txBody>
            <a:bodyPr rtlCol="0" anchor="ctr"/>
            <a:lstStyle/>
            <a:p>
              <a:endParaRPr lang="en-US" dirty="0"/>
            </a:p>
          </p:txBody>
        </p:sp>
        <p:sp>
          <p:nvSpPr>
            <p:cNvPr id="47" name="Freeform: Shape 46">
              <a:extLst>
                <a:ext uri="{FF2B5EF4-FFF2-40B4-BE49-F238E27FC236}">
                  <a16:creationId xmlns:a16="http://schemas.microsoft.com/office/drawing/2014/main" id="{FC318E49-A184-10D3-04D3-7602AD6C9E1B}"/>
                </a:ext>
              </a:extLst>
            </p:cNvPr>
            <p:cNvSpPr/>
            <p:nvPr/>
          </p:nvSpPr>
          <p:spPr>
            <a:xfrm>
              <a:off x="7899495" y="4638025"/>
              <a:ext cx="133784" cy="16444"/>
            </a:xfrm>
            <a:custGeom>
              <a:avLst/>
              <a:gdLst>
                <a:gd name="connsiteX0" fmla="*/ 125595 w 133784"/>
                <a:gd name="connsiteY0" fmla="*/ 16445 h 16444"/>
                <a:gd name="connsiteX1" fmla="*/ 125595 w 133784"/>
                <a:gd name="connsiteY1" fmla="*/ 16445 h 16444"/>
                <a:gd name="connsiteX2" fmla="*/ 8190 w 133784"/>
                <a:gd name="connsiteY2" fmla="*/ 16379 h 16444"/>
                <a:gd name="connsiteX3" fmla="*/ 0 w 133784"/>
                <a:gd name="connsiteY3" fmla="*/ 8190 h 16444"/>
                <a:gd name="connsiteX4" fmla="*/ 8190 w 133784"/>
                <a:gd name="connsiteY4" fmla="*/ 0 h 16444"/>
                <a:gd name="connsiteX5" fmla="*/ 8190 w 133784"/>
                <a:gd name="connsiteY5" fmla="*/ 0 h 16444"/>
                <a:gd name="connsiteX6" fmla="*/ 125595 w 133784"/>
                <a:gd name="connsiteY6" fmla="*/ 66 h 16444"/>
                <a:gd name="connsiteX7" fmla="*/ 133784 w 133784"/>
                <a:gd name="connsiteY7" fmla="*/ 8255 h 16444"/>
                <a:gd name="connsiteX8" fmla="*/ 125595 w 133784"/>
                <a:gd name="connsiteY8" fmla="*/ 16445 h 164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33784" h="16444">
                  <a:moveTo>
                    <a:pt x="125595" y="16445"/>
                  </a:moveTo>
                  <a:lnTo>
                    <a:pt x="125595" y="16445"/>
                  </a:lnTo>
                  <a:lnTo>
                    <a:pt x="8190" y="16379"/>
                  </a:lnTo>
                  <a:cubicBezTo>
                    <a:pt x="3669" y="16379"/>
                    <a:pt x="0" y="12710"/>
                    <a:pt x="0" y="8190"/>
                  </a:cubicBezTo>
                  <a:cubicBezTo>
                    <a:pt x="0" y="3669"/>
                    <a:pt x="3669" y="0"/>
                    <a:pt x="8190" y="0"/>
                  </a:cubicBezTo>
                  <a:lnTo>
                    <a:pt x="8190" y="0"/>
                  </a:lnTo>
                  <a:lnTo>
                    <a:pt x="125595" y="66"/>
                  </a:lnTo>
                  <a:cubicBezTo>
                    <a:pt x="130115" y="66"/>
                    <a:pt x="133784" y="3734"/>
                    <a:pt x="133784" y="8255"/>
                  </a:cubicBezTo>
                  <a:cubicBezTo>
                    <a:pt x="133784" y="12776"/>
                    <a:pt x="130115" y="16445"/>
                    <a:pt x="125595" y="16445"/>
                  </a:cubicBezTo>
                  <a:close/>
                </a:path>
              </a:pathLst>
            </a:custGeom>
            <a:solidFill>
              <a:schemeClr val="tx1"/>
            </a:solidFill>
            <a:ln w="6548" cap="flat">
              <a:noFill/>
              <a:prstDash val="solid"/>
              <a:miter/>
            </a:ln>
          </p:spPr>
          <p:txBody>
            <a:bodyPr rtlCol="0" anchor="ctr"/>
            <a:lstStyle/>
            <a:p>
              <a:endParaRPr lang="en-US" dirty="0"/>
            </a:p>
          </p:txBody>
        </p:sp>
        <p:sp>
          <p:nvSpPr>
            <p:cNvPr id="48" name="Freeform: Shape 47">
              <a:extLst>
                <a:ext uri="{FF2B5EF4-FFF2-40B4-BE49-F238E27FC236}">
                  <a16:creationId xmlns:a16="http://schemas.microsoft.com/office/drawing/2014/main" id="{A1B2C1E3-D3C1-0656-6521-81A710B3FC23}"/>
                </a:ext>
              </a:extLst>
            </p:cNvPr>
            <p:cNvSpPr/>
            <p:nvPr/>
          </p:nvSpPr>
          <p:spPr>
            <a:xfrm>
              <a:off x="8068789" y="4346740"/>
              <a:ext cx="392966" cy="397355"/>
            </a:xfrm>
            <a:custGeom>
              <a:avLst/>
              <a:gdLst>
                <a:gd name="connsiteX0" fmla="*/ 149508 w 392966"/>
                <a:gd name="connsiteY0" fmla="*/ 397356 h 397355"/>
                <a:gd name="connsiteX1" fmla="*/ 139419 w 392966"/>
                <a:gd name="connsiteY1" fmla="*/ 396766 h 397355"/>
                <a:gd name="connsiteX2" fmla="*/ 132343 w 392966"/>
                <a:gd name="connsiteY2" fmla="*/ 390018 h 397355"/>
                <a:gd name="connsiteX3" fmla="*/ 136732 w 392966"/>
                <a:gd name="connsiteY3" fmla="*/ 381304 h 397355"/>
                <a:gd name="connsiteX4" fmla="*/ 160777 w 392966"/>
                <a:gd name="connsiteY4" fmla="*/ 325485 h 397355"/>
                <a:gd name="connsiteX5" fmla="*/ 56541 w 392966"/>
                <a:gd name="connsiteY5" fmla="*/ 325485 h 397355"/>
                <a:gd name="connsiteX6" fmla="*/ 0 w 392966"/>
                <a:gd name="connsiteY6" fmla="*/ 268944 h 397355"/>
                <a:gd name="connsiteX7" fmla="*/ 0 w 392966"/>
                <a:gd name="connsiteY7" fmla="*/ 56541 h 397355"/>
                <a:gd name="connsiteX8" fmla="*/ 56541 w 392966"/>
                <a:gd name="connsiteY8" fmla="*/ 0 h 397355"/>
                <a:gd name="connsiteX9" fmla="*/ 259051 w 392966"/>
                <a:gd name="connsiteY9" fmla="*/ 0 h 397355"/>
                <a:gd name="connsiteX10" fmla="*/ 267241 w 392966"/>
                <a:gd name="connsiteY10" fmla="*/ 8190 h 397355"/>
                <a:gd name="connsiteX11" fmla="*/ 259051 w 392966"/>
                <a:gd name="connsiteY11" fmla="*/ 16379 h 397355"/>
                <a:gd name="connsiteX12" fmla="*/ 56541 w 392966"/>
                <a:gd name="connsiteY12" fmla="*/ 16379 h 397355"/>
                <a:gd name="connsiteX13" fmla="*/ 16379 w 392966"/>
                <a:gd name="connsiteY13" fmla="*/ 56541 h 397355"/>
                <a:gd name="connsiteX14" fmla="*/ 16379 w 392966"/>
                <a:gd name="connsiteY14" fmla="*/ 268879 h 397355"/>
                <a:gd name="connsiteX15" fmla="*/ 56541 w 392966"/>
                <a:gd name="connsiteY15" fmla="*/ 309040 h 397355"/>
                <a:gd name="connsiteX16" fmla="*/ 167984 w 392966"/>
                <a:gd name="connsiteY16" fmla="*/ 309040 h 397355"/>
                <a:gd name="connsiteX17" fmla="*/ 176042 w 392966"/>
                <a:gd name="connsiteY17" fmla="*/ 315723 h 397355"/>
                <a:gd name="connsiteX18" fmla="*/ 163922 w 392966"/>
                <a:gd name="connsiteY18" fmla="*/ 379405 h 397355"/>
                <a:gd name="connsiteX19" fmla="*/ 245555 w 392966"/>
                <a:gd name="connsiteY19" fmla="*/ 313102 h 397355"/>
                <a:gd name="connsiteX20" fmla="*/ 252565 w 392966"/>
                <a:gd name="connsiteY20" fmla="*/ 309106 h 397355"/>
                <a:gd name="connsiteX21" fmla="*/ 336360 w 392966"/>
                <a:gd name="connsiteY21" fmla="*/ 309106 h 397355"/>
                <a:gd name="connsiteX22" fmla="*/ 376522 w 392966"/>
                <a:gd name="connsiteY22" fmla="*/ 268944 h 397355"/>
                <a:gd name="connsiteX23" fmla="*/ 376522 w 392966"/>
                <a:gd name="connsiteY23" fmla="*/ 56541 h 397355"/>
                <a:gd name="connsiteX24" fmla="*/ 336360 w 392966"/>
                <a:gd name="connsiteY24" fmla="*/ 16379 h 397355"/>
                <a:gd name="connsiteX25" fmla="*/ 328171 w 392966"/>
                <a:gd name="connsiteY25" fmla="*/ 8190 h 397355"/>
                <a:gd name="connsiteX26" fmla="*/ 336426 w 392966"/>
                <a:gd name="connsiteY26" fmla="*/ 0 h 397355"/>
                <a:gd name="connsiteX27" fmla="*/ 392966 w 392966"/>
                <a:gd name="connsiteY27" fmla="*/ 56541 h 397355"/>
                <a:gd name="connsiteX28" fmla="*/ 392966 w 392966"/>
                <a:gd name="connsiteY28" fmla="*/ 268879 h 397355"/>
                <a:gd name="connsiteX29" fmla="*/ 336426 w 392966"/>
                <a:gd name="connsiteY29" fmla="*/ 325419 h 397355"/>
                <a:gd name="connsiteX30" fmla="*/ 257151 w 392966"/>
                <a:gd name="connsiteY30" fmla="*/ 325419 h 397355"/>
                <a:gd name="connsiteX31" fmla="*/ 149508 w 392966"/>
                <a:gd name="connsiteY31" fmla="*/ 397356 h 3973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392966" h="397355">
                  <a:moveTo>
                    <a:pt x="149508" y="397356"/>
                  </a:moveTo>
                  <a:cubicBezTo>
                    <a:pt x="146167" y="397356"/>
                    <a:pt x="142825" y="397159"/>
                    <a:pt x="139419" y="396766"/>
                  </a:cubicBezTo>
                  <a:cubicBezTo>
                    <a:pt x="135815" y="396308"/>
                    <a:pt x="132932" y="393622"/>
                    <a:pt x="132343" y="390018"/>
                  </a:cubicBezTo>
                  <a:cubicBezTo>
                    <a:pt x="131753" y="386415"/>
                    <a:pt x="133522" y="382877"/>
                    <a:pt x="136732" y="381304"/>
                  </a:cubicBezTo>
                  <a:cubicBezTo>
                    <a:pt x="161170" y="369118"/>
                    <a:pt x="161825" y="338915"/>
                    <a:pt x="160777" y="325485"/>
                  </a:cubicBezTo>
                  <a:lnTo>
                    <a:pt x="56541" y="325485"/>
                  </a:lnTo>
                  <a:cubicBezTo>
                    <a:pt x="25355" y="325485"/>
                    <a:pt x="0" y="300130"/>
                    <a:pt x="0" y="268944"/>
                  </a:cubicBezTo>
                  <a:lnTo>
                    <a:pt x="0" y="56541"/>
                  </a:lnTo>
                  <a:cubicBezTo>
                    <a:pt x="0" y="25355"/>
                    <a:pt x="25355" y="0"/>
                    <a:pt x="56541" y="0"/>
                  </a:cubicBezTo>
                  <a:lnTo>
                    <a:pt x="259051" y="0"/>
                  </a:lnTo>
                  <a:cubicBezTo>
                    <a:pt x="263572" y="0"/>
                    <a:pt x="267241" y="3669"/>
                    <a:pt x="267241" y="8190"/>
                  </a:cubicBezTo>
                  <a:cubicBezTo>
                    <a:pt x="267241" y="12710"/>
                    <a:pt x="263572" y="16379"/>
                    <a:pt x="259051" y="16379"/>
                  </a:cubicBezTo>
                  <a:lnTo>
                    <a:pt x="56541" y="16379"/>
                  </a:lnTo>
                  <a:cubicBezTo>
                    <a:pt x="34396" y="16379"/>
                    <a:pt x="16379" y="34396"/>
                    <a:pt x="16379" y="56541"/>
                  </a:cubicBezTo>
                  <a:lnTo>
                    <a:pt x="16379" y="268879"/>
                  </a:lnTo>
                  <a:cubicBezTo>
                    <a:pt x="16379" y="291023"/>
                    <a:pt x="34396" y="309040"/>
                    <a:pt x="56541" y="309040"/>
                  </a:cubicBezTo>
                  <a:lnTo>
                    <a:pt x="167984" y="309040"/>
                  </a:lnTo>
                  <a:cubicBezTo>
                    <a:pt x="171915" y="309040"/>
                    <a:pt x="175321" y="311857"/>
                    <a:pt x="176042" y="315723"/>
                  </a:cubicBezTo>
                  <a:cubicBezTo>
                    <a:pt x="176370" y="317623"/>
                    <a:pt x="182921" y="353919"/>
                    <a:pt x="163922" y="379405"/>
                  </a:cubicBezTo>
                  <a:cubicBezTo>
                    <a:pt x="211486" y="369315"/>
                    <a:pt x="245162" y="313757"/>
                    <a:pt x="245555" y="313102"/>
                  </a:cubicBezTo>
                  <a:cubicBezTo>
                    <a:pt x="247062" y="310612"/>
                    <a:pt x="249682" y="309106"/>
                    <a:pt x="252565" y="309106"/>
                  </a:cubicBezTo>
                  <a:lnTo>
                    <a:pt x="336360" y="309106"/>
                  </a:lnTo>
                  <a:cubicBezTo>
                    <a:pt x="358505" y="309106"/>
                    <a:pt x="376522" y="291089"/>
                    <a:pt x="376522" y="268944"/>
                  </a:cubicBezTo>
                  <a:lnTo>
                    <a:pt x="376522" y="56541"/>
                  </a:lnTo>
                  <a:cubicBezTo>
                    <a:pt x="376522" y="34396"/>
                    <a:pt x="358505" y="16379"/>
                    <a:pt x="336360" y="16379"/>
                  </a:cubicBezTo>
                  <a:cubicBezTo>
                    <a:pt x="331840" y="16379"/>
                    <a:pt x="328171" y="12710"/>
                    <a:pt x="328171" y="8190"/>
                  </a:cubicBezTo>
                  <a:cubicBezTo>
                    <a:pt x="328171" y="3669"/>
                    <a:pt x="331905" y="0"/>
                    <a:pt x="336426" y="0"/>
                  </a:cubicBezTo>
                  <a:cubicBezTo>
                    <a:pt x="367612" y="0"/>
                    <a:pt x="392966" y="25355"/>
                    <a:pt x="392966" y="56541"/>
                  </a:cubicBezTo>
                  <a:lnTo>
                    <a:pt x="392966" y="268879"/>
                  </a:lnTo>
                  <a:cubicBezTo>
                    <a:pt x="392966" y="300064"/>
                    <a:pt x="367612" y="325419"/>
                    <a:pt x="336426" y="325419"/>
                  </a:cubicBezTo>
                  <a:lnTo>
                    <a:pt x="257151" y="325419"/>
                  </a:lnTo>
                  <a:cubicBezTo>
                    <a:pt x="246734" y="341274"/>
                    <a:pt x="205983" y="397356"/>
                    <a:pt x="149508" y="397356"/>
                  </a:cubicBezTo>
                  <a:close/>
                </a:path>
              </a:pathLst>
            </a:custGeom>
            <a:solidFill>
              <a:schemeClr val="tx1"/>
            </a:solidFill>
            <a:ln w="6548" cap="flat">
              <a:noFill/>
              <a:prstDash val="solid"/>
              <a:miter/>
            </a:ln>
          </p:spPr>
          <p:txBody>
            <a:bodyPr rtlCol="0" anchor="ctr"/>
            <a:lstStyle/>
            <a:p>
              <a:endParaRPr lang="en-US" dirty="0"/>
            </a:p>
          </p:txBody>
        </p:sp>
        <p:sp>
          <p:nvSpPr>
            <p:cNvPr id="49" name="Freeform: Shape 48">
              <a:extLst>
                <a:ext uri="{FF2B5EF4-FFF2-40B4-BE49-F238E27FC236}">
                  <a16:creationId xmlns:a16="http://schemas.microsoft.com/office/drawing/2014/main" id="{8BC03EE9-3E10-1BBD-4821-E0BC41FF21D1}"/>
                </a:ext>
              </a:extLst>
            </p:cNvPr>
            <p:cNvSpPr/>
            <p:nvPr/>
          </p:nvSpPr>
          <p:spPr>
            <a:xfrm>
              <a:off x="7834307" y="4438069"/>
              <a:ext cx="356735" cy="360732"/>
            </a:xfrm>
            <a:custGeom>
              <a:avLst/>
              <a:gdLst>
                <a:gd name="connsiteX0" fmla="*/ 220855 w 356735"/>
                <a:gd name="connsiteY0" fmla="*/ 360732 h 360732"/>
                <a:gd name="connsiteX1" fmla="*/ 123105 w 356735"/>
                <a:gd name="connsiteY1" fmla="*/ 295740 h 360732"/>
                <a:gd name="connsiteX2" fmla="*/ 51889 w 356735"/>
                <a:gd name="connsiteY2" fmla="*/ 295740 h 360732"/>
                <a:gd name="connsiteX3" fmla="*/ 0 w 356735"/>
                <a:gd name="connsiteY3" fmla="*/ 243786 h 360732"/>
                <a:gd name="connsiteX4" fmla="*/ 0 w 356735"/>
                <a:gd name="connsiteY4" fmla="*/ 51889 h 360732"/>
                <a:gd name="connsiteX5" fmla="*/ 51889 w 356735"/>
                <a:gd name="connsiteY5" fmla="*/ 0 h 360732"/>
                <a:gd name="connsiteX6" fmla="*/ 190849 w 356735"/>
                <a:gd name="connsiteY6" fmla="*/ 0 h 360732"/>
                <a:gd name="connsiteX7" fmla="*/ 199038 w 356735"/>
                <a:gd name="connsiteY7" fmla="*/ 8190 h 360732"/>
                <a:gd name="connsiteX8" fmla="*/ 190849 w 356735"/>
                <a:gd name="connsiteY8" fmla="*/ 16379 h 360732"/>
                <a:gd name="connsiteX9" fmla="*/ 51889 w 356735"/>
                <a:gd name="connsiteY9" fmla="*/ 16379 h 360732"/>
                <a:gd name="connsiteX10" fmla="*/ 16379 w 356735"/>
                <a:gd name="connsiteY10" fmla="*/ 51889 h 360732"/>
                <a:gd name="connsiteX11" fmla="*/ 16379 w 356735"/>
                <a:gd name="connsiteY11" fmla="*/ 243786 h 360732"/>
                <a:gd name="connsiteX12" fmla="*/ 51889 w 356735"/>
                <a:gd name="connsiteY12" fmla="*/ 279296 h 360732"/>
                <a:gd name="connsiteX13" fmla="*/ 127626 w 356735"/>
                <a:gd name="connsiteY13" fmla="*/ 279296 h 360732"/>
                <a:gd name="connsiteX14" fmla="*/ 134636 w 356735"/>
                <a:gd name="connsiteY14" fmla="*/ 283292 h 360732"/>
                <a:gd name="connsiteX15" fmla="*/ 205918 w 356735"/>
                <a:gd name="connsiteY15" fmla="*/ 342453 h 360732"/>
                <a:gd name="connsiteX16" fmla="*/ 196025 w 356735"/>
                <a:gd name="connsiteY16" fmla="*/ 285978 h 360732"/>
                <a:gd name="connsiteX17" fmla="*/ 204083 w 356735"/>
                <a:gd name="connsiteY17" fmla="*/ 279296 h 360732"/>
                <a:gd name="connsiteX18" fmla="*/ 304847 w 356735"/>
                <a:gd name="connsiteY18" fmla="*/ 279296 h 360732"/>
                <a:gd name="connsiteX19" fmla="*/ 340357 w 356735"/>
                <a:gd name="connsiteY19" fmla="*/ 243786 h 360732"/>
                <a:gd name="connsiteX20" fmla="*/ 340357 w 356735"/>
                <a:gd name="connsiteY20" fmla="*/ 225900 h 360732"/>
                <a:gd name="connsiteX21" fmla="*/ 348546 w 356735"/>
                <a:gd name="connsiteY21" fmla="*/ 217710 h 360732"/>
                <a:gd name="connsiteX22" fmla="*/ 356736 w 356735"/>
                <a:gd name="connsiteY22" fmla="*/ 225900 h 360732"/>
                <a:gd name="connsiteX23" fmla="*/ 356736 w 356735"/>
                <a:gd name="connsiteY23" fmla="*/ 243786 h 360732"/>
                <a:gd name="connsiteX24" fmla="*/ 304847 w 356735"/>
                <a:gd name="connsiteY24" fmla="*/ 295675 h 360732"/>
                <a:gd name="connsiteX25" fmla="*/ 211421 w 356735"/>
                <a:gd name="connsiteY25" fmla="*/ 295675 h 360732"/>
                <a:gd name="connsiteX26" fmla="*/ 232779 w 356735"/>
                <a:gd name="connsiteY26" fmla="*/ 344681 h 360732"/>
                <a:gd name="connsiteX27" fmla="*/ 237169 w 356735"/>
                <a:gd name="connsiteY27" fmla="*/ 353395 h 360732"/>
                <a:gd name="connsiteX28" fmla="*/ 230093 w 356735"/>
                <a:gd name="connsiteY28" fmla="*/ 360143 h 360732"/>
                <a:gd name="connsiteX29" fmla="*/ 220855 w 356735"/>
                <a:gd name="connsiteY29" fmla="*/ 360732 h 3607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356735" h="360732">
                  <a:moveTo>
                    <a:pt x="220855" y="360732"/>
                  </a:moveTo>
                  <a:cubicBezTo>
                    <a:pt x="169818" y="360732"/>
                    <a:pt x="132932" y="310612"/>
                    <a:pt x="123105" y="295740"/>
                  </a:cubicBezTo>
                  <a:lnTo>
                    <a:pt x="51889" y="295740"/>
                  </a:lnTo>
                  <a:cubicBezTo>
                    <a:pt x="23258" y="295675"/>
                    <a:pt x="0" y="272417"/>
                    <a:pt x="0" y="243786"/>
                  </a:cubicBezTo>
                  <a:lnTo>
                    <a:pt x="0" y="51889"/>
                  </a:lnTo>
                  <a:cubicBezTo>
                    <a:pt x="0" y="23258"/>
                    <a:pt x="23258" y="0"/>
                    <a:pt x="51889" y="0"/>
                  </a:cubicBezTo>
                  <a:lnTo>
                    <a:pt x="190849" y="0"/>
                  </a:lnTo>
                  <a:cubicBezTo>
                    <a:pt x="195369" y="0"/>
                    <a:pt x="199038" y="3669"/>
                    <a:pt x="199038" y="8190"/>
                  </a:cubicBezTo>
                  <a:cubicBezTo>
                    <a:pt x="199038" y="12710"/>
                    <a:pt x="195369" y="16379"/>
                    <a:pt x="190849" y="16379"/>
                  </a:cubicBezTo>
                  <a:lnTo>
                    <a:pt x="51889" y="16379"/>
                  </a:lnTo>
                  <a:cubicBezTo>
                    <a:pt x="32300" y="16379"/>
                    <a:pt x="16379" y="32300"/>
                    <a:pt x="16379" y="51889"/>
                  </a:cubicBezTo>
                  <a:lnTo>
                    <a:pt x="16379" y="243786"/>
                  </a:lnTo>
                  <a:cubicBezTo>
                    <a:pt x="16379" y="263375"/>
                    <a:pt x="32300" y="279296"/>
                    <a:pt x="51889" y="279296"/>
                  </a:cubicBezTo>
                  <a:lnTo>
                    <a:pt x="127626" y="279296"/>
                  </a:lnTo>
                  <a:cubicBezTo>
                    <a:pt x="130508" y="279296"/>
                    <a:pt x="133195" y="280803"/>
                    <a:pt x="134636" y="283292"/>
                  </a:cubicBezTo>
                  <a:cubicBezTo>
                    <a:pt x="134963" y="283882"/>
                    <a:pt x="164315" y="332233"/>
                    <a:pt x="205918" y="342453"/>
                  </a:cubicBezTo>
                  <a:cubicBezTo>
                    <a:pt x="190063" y="319326"/>
                    <a:pt x="195763" y="287682"/>
                    <a:pt x="196025" y="285978"/>
                  </a:cubicBezTo>
                  <a:cubicBezTo>
                    <a:pt x="196745" y="282113"/>
                    <a:pt x="200152" y="279296"/>
                    <a:pt x="204083" y="279296"/>
                  </a:cubicBezTo>
                  <a:lnTo>
                    <a:pt x="304847" y="279296"/>
                  </a:lnTo>
                  <a:cubicBezTo>
                    <a:pt x="324436" y="279296"/>
                    <a:pt x="340357" y="263375"/>
                    <a:pt x="340357" y="243786"/>
                  </a:cubicBezTo>
                  <a:lnTo>
                    <a:pt x="340357" y="225900"/>
                  </a:lnTo>
                  <a:cubicBezTo>
                    <a:pt x="340357" y="221379"/>
                    <a:pt x="344026" y="217710"/>
                    <a:pt x="348546" y="217710"/>
                  </a:cubicBezTo>
                  <a:cubicBezTo>
                    <a:pt x="353067" y="217710"/>
                    <a:pt x="356736" y="221379"/>
                    <a:pt x="356736" y="225900"/>
                  </a:cubicBezTo>
                  <a:lnTo>
                    <a:pt x="356736" y="243786"/>
                  </a:lnTo>
                  <a:cubicBezTo>
                    <a:pt x="356736" y="272417"/>
                    <a:pt x="333478" y="295675"/>
                    <a:pt x="304847" y="295675"/>
                  </a:cubicBezTo>
                  <a:lnTo>
                    <a:pt x="211421" y="295675"/>
                  </a:lnTo>
                  <a:cubicBezTo>
                    <a:pt x="210635" y="307992"/>
                    <a:pt x="211683" y="334133"/>
                    <a:pt x="232779" y="344681"/>
                  </a:cubicBezTo>
                  <a:cubicBezTo>
                    <a:pt x="235990" y="346319"/>
                    <a:pt x="237824" y="349857"/>
                    <a:pt x="237169" y="353395"/>
                  </a:cubicBezTo>
                  <a:cubicBezTo>
                    <a:pt x="236514" y="356932"/>
                    <a:pt x="233631" y="359684"/>
                    <a:pt x="230093" y="360143"/>
                  </a:cubicBezTo>
                  <a:cubicBezTo>
                    <a:pt x="226948" y="360536"/>
                    <a:pt x="223869" y="360732"/>
                    <a:pt x="220855" y="360732"/>
                  </a:cubicBezTo>
                  <a:close/>
                </a:path>
              </a:pathLst>
            </a:custGeom>
            <a:solidFill>
              <a:schemeClr val="tx1"/>
            </a:solidFill>
            <a:ln w="6548" cap="flat">
              <a:noFill/>
              <a:prstDash val="solid"/>
              <a:miter/>
            </a:ln>
          </p:spPr>
          <p:txBody>
            <a:bodyPr rtlCol="0" anchor="ctr"/>
            <a:lstStyle/>
            <a:p>
              <a:endParaRPr lang="en-US" dirty="0"/>
            </a:p>
          </p:txBody>
        </p:sp>
      </p:grpSp>
      <p:pic>
        <p:nvPicPr>
          <p:cNvPr id="8" name="Picture 7">
            <a:extLst>
              <a:ext uri="{FF2B5EF4-FFF2-40B4-BE49-F238E27FC236}">
                <a16:creationId xmlns:a16="http://schemas.microsoft.com/office/drawing/2014/main" id="{630AD1F0-BB68-7EA6-EA18-09858D6AA309}"/>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26702" y="1241454"/>
            <a:ext cx="3593306" cy="4791075"/>
          </a:xfrm>
          <a:prstGeom prst="rect">
            <a:avLst/>
          </a:prstGeom>
        </p:spPr>
      </p:pic>
    </p:spTree>
    <p:extLst>
      <p:ext uri="{BB962C8B-B14F-4D97-AF65-F5344CB8AC3E}">
        <p14:creationId xmlns:p14="http://schemas.microsoft.com/office/powerpoint/2010/main" val="2230333"/>
      </p:ext>
    </p:extLst>
  </p:cSld>
  <p:clrMapOvr>
    <a:masterClrMapping/>
  </p:clrMapOvr>
  <p:transition spd="slow">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Picture 8">
            <a:extLst>
              <a:ext uri="{FF2B5EF4-FFF2-40B4-BE49-F238E27FC236}">
                <a16:creationId xmlns:a16="http://schemas.microsoft.com/office/drawing/2014/main" id="{8F758E47-B3EE-4D73-B0F9-10AB43F9109F}"/>
              </a:ext>
            </a:extLst>
          </p:cNvPr>
          <p:cNvPicPr>
            <a:picLocks noChangeAspect="1"/>
          </p:cNvPicPr>
          <p:nvPr>
            <p:custDataLst>
              <p:tags r:id="rId1"/>
            </p:custDataLst>
          </p:nvPr>
        </p:nvPicPr>
        <p:blipFill rotWithShape="1">
          <a:blip r:embed="rId4">
            <a:extLst>
              <a:ext uri="{28A0092B-C50C-407E-A947-70E740481C1C}">
                <a14:useLocalDpi xmlns:a14="http://schemas.microsoft.com/office/drawing/2010/main" val="0"/>
              </a:ext>
            </a:extLst>
          </a:blip>
          <a:srcRect t="14154" b="2080"/>
          <a:stretch/>
        </p:blipFill>
        <p:spPr>
          <a:xfrm>
            <a:off x="0" y="0"/>
            <a:ext cx="12265279" cy="6858000"/>
          </a:xfrm>
          <a:prstGeom prst="rect">
            <a:avLst/>
          </a:prstGeom>
        </p:spPr>
      </p:pic>
      <p:sp>
        <p:nvSpPr>
          <p:cNvPr id="3" name="Title 2">
            <a:extLst>
              <a:ext uri="{FF2B5EF4-FFF2-40B4-BE49-F238E27FC236}">
                <a16:creationId xmlns:a16="http://schemas.microsoft.com/office/drawing/2014/main" id="{29C1022E-3E82-4AD1-A615-15A50C995589}"/>
              </a:ext>
            </a:extLst>
          </p:cNvPr>
          <p:cNvSpPr>
            <a:spLocks noGrp="1"/>
          </p:cNvSpPr>
          <p:nvPr>
            <p:ph type="ctrTitle"/>
          </p:nvPr>
        </p:nvSpPr>
        <p:spPr>
          <a:xfrm>
            <a:off x="1333832" y="1783799"/>
            <a:ext cx="9181767" cy="3088989"/>
          </a:xfrm>
        </p:spPr>
        <p:txBody>
          <a:bodyPr/>
          <a:lstStyle/>
          <a:p>
            <a:r>
              <a:rPr lang="en-GB" dirty="0"/>
              <a:t>Thank you</a:t>
            </a:r>
            <a:br>
              <a:rPr lang="en-GB" dirty="0"/>
            </a:br>
            <a:br>
              <a:rPr lang="en-GB" dirty="0"/>
            </a:br>
            <a:br>
              <a:rPr lang="en-GB" dirty="0"/>
            </a:br>
            <a:br>
              <a:rPr lang="en-GB" dirty="0"/>
            </a:br>
            <a:br>
              <a:rPr lang="en-GB" dirty="0"/>
            </a:br>
            <a:r>
              <a:rPr lang="en-GB" sz="2800" dirty="0"/>
              <a:t>DSV – Your Customs Experts</a:t>
            </a:r>
            <a:endParaRPr lang="en-GB" dirty="0"/>
          </a:p>
        </p:txBody>
      </p:sp>
      <p:sp>
        <p:nvSpPr>
          <p:cNvPr id="4" name="Date Placeholder 3">
            <a:extLst>
              <a:ext uri="{FF2B5EF4-FFF2-40B4-BE49-F238E27FC236}">
                <a16:creationId xmlns:a16="http://schemas.microsoft.com/office/drawing/2014/main" id="{8E45B1A0-F7A8-49E7-AD81-35238E647355}"/>
              </a:ext>
            </a:extLst>
          </p:cNvPr>
          <p:cNvSpPr>
            <a:spLocks noGrp="1"/>
          </p:cNvSpPr>
          <p:nvPr>
            <p:ph type="dt" sz="half" idx="10"/>
          </p:nvPr>
        </p:nvSpPr>
        <p:spPr/>
        <p:txBody>
          <a:bodyPr/>
          <a:lstStyle/>
          <a:p>
            <a:endParaRPr lang="en-GB" dirty="0"/>
          </a:p>
        </p:txBody>
      </p:sp>
      <p:sp>
        <p:nvSpPr>
          <p:cNvPr id="5" name="Footer Placeholder 4">
            <a:extLst>
              <a:ext uri="{FF2B5EF4-FFF2-40B4-BE49-F238E27FC236}">
                <a16:creationId xmlns:a16="http://schemas.microsoft.com/office/drawing/2014/main" id="{6CE87CDC-751A-4DB7-A14D-8BBB81E8B8DC}"/>
              </a:ext>
            </a:extLst>
          </p:cNvPr>
          <p:cNvSpPr>
            <a:spLocks noGrp="1"/>
          </p:cNvSpPr>
          <p:nvPr>
            <p:ph type="ftr" sz="quarter" idx="11"/>
          </p:nvPr>
        </p:nvSpPr>
        <p:spPr/>
        <p:txBody>
          <a:bodyPr/>
          <a:lstStyle/>
          <a:p>
            <a:endParaRPr lang="en-GB" dirty="0"/>
          </a:p>
        </p:txBody>
      </p:sp>
      <p:sp>
        <p:nvSpPr>
          <p:cNvPr id="6" name="Slide Number Placeholder 5">
            <a:extLst>
              <a:ext uri="{FF2B5EF4-FFF2-40B4-BE49-F238E27FC236}">
                <a16:creationId xmlns:a16="http://schemas.microsoft.com/office/drawing/2014/main" id="{9AF10C08-CED9-4F39-8B94-C63035FDA3DA}"/>
              </a:ext>
            </a:extLst>
          </p:cNvPr>
          <p:cNvSpPr>
            <a:spLocks noGrp="1"/>
          </p:cNvSpPr>
          <p:nvPr>
            <p:ph type="sldNum" sz="quarter" idx="12"/>
          </p:nvPr>
        </p:nvSpPr>
        <p:spPr/>
        <p:txBody>
          <a:bodyPr/>
          <a:lstStyle/>
          <a:p>
            <a:fld id="{24C8C45C-947F-4981-8B3F-4F32E973C901}" type="slidenum">
              <a:rPr lang="en-GB"/>
              <a:pPr/>
              <a:t>9</a:t>
            </a:fld>
            <a:endParaRPr lang="en-GB" dirty="0"/>
          </a:p>
        </p:txBody>
      </p:sp>
      <p:pic>
        <p:nvPicPr>
          <p:cNvPr id="8" name="Logo">
            <a:extLst>
              <a:ext uri="{FF2B5EF4-FFF2-40B4-BE49-F238E27FC236}">
                <a16:creationId xmlns:a16="http://schemas.microsoft.com/office/drawing/2014/main" id="{2A7AB18F-7C5A-409A-91C4-933907A38D77}"/>
              </a:ext>
            </a:extLst>
          </p:cNvPr>
          <p:cNvPicPr>
            <a:picLocks noChangeAspect="1"/>
          </p:cNvPicPr>
          <p:nvPr/>
        </p:nvPicPr>
        <p:blipFill rotWithShape="1">
          <a:blip r:embed="rId5">
            <a:extLst>
              <a:ext uri="{28A0092B-C50C-407E-A947-70E740481C1C}">
                <a14:useLocalDpi xmlns:a14="http://schemas.microsoft.com/office/drawing/2010/main" val="0"/>
              </a:ext>
            </a:extLst>
          </a:blip>
          <a:srcRect/>
          <a:stretch/>
        </p:blipFill>
        <p:spPr>
          <a:xfrm>
            <a:off x="10918112" y="6482502"/>
            <a:ext cx="729900" cy="216000"/>
          </a:xfrm>
          <a:prstGeom prst="rect">
            <a:avLst/>
          </a:prstGeom>
        </p:spPr>
      </p:pic>
    </p:spTree>
    <p:extLst>
      <p:ext uri="{BB962C8B-B14F-4D97-AF65-F5344CB8AC3E}">
        <p14:creationId xmlns:p14="http://schemas.microsoft.com/office/powerpoint/2010/main" val="3179841917"/>
      </p:ext>
    </p:extLst>
  </p:cSld>
  <p:clrMapOvr>
    <a:masterClrMapping/>
  </p:clrMapOvr>
  <p:transition spd="slow">
    <p:push/>
  </p:transition>
</p:sld>
</file>

<file path=ppt/tags/tag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carlo.visda\AppData\Local\Temp\1\Templafy\PowerPointVsto\Assets\868a758a-cc90-448a-8797-40a1a965aaea.jpeg"/>
  <p:tag name="TEMPLAFYSLIDEID" val="637166546775752532"/>
</p:tagLst>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Template 2024","templateDescription":"","enableDocumentContentUpdater":false,"version":"2.0"}]]></TemplafyTemplateConfiguration>
</file>

<file path=customXml/itemProps1.xml><?xml version="1.0" encoding="utf-8"?>
<ds:datastoreItem xmlns:ds="http://schemas.openxmlformats.org/officeDocument/2006/customXml" ds:itemID="{9A03A13C-D5E3-49F8-B37D-AFA024345652}">
  <ds:schemaRefs/>
</ds:datastoreItem>
</file>

<file path=customXml/itemProps2.xml><?xml version="1.0" encoding="utf-8"?>
<ds:datastoreItem xmlns:ds="http://schemas.openxmlformats.org/officeDocument/2006/customXml" ds:itemID="{43877E11-121F-45E2-A0FE-16DFA988BBD5}">
  <ds:schemaRefs/>
</ds:datastoreItem>
</file>

<file path=docProps/app.xml><?xml version="1.0" encoding="utf-8"?>
<Properties xmlns="http://schemas.openxmlformats.org/officeDocument/2006/extended-properties" xmlns:vt="http://schemas.openxmlformats.org/officeDocument/2006/docPropsVTypes">
  <Template/>
  <TotalTime>0</TotalTime>
  <Words>1304</Words>
  <Application>Microsoft Office PowerPoint</Application>
  <PresentationFormat>Widescreen</PresentationFormat>
  <Paragraphs>89</Paragraphs>
  <Slides>9</Slides>
  <Notes>2</Notes>
  <HiddenSlides>0</HiddenSlides>
  <MMClips>0</MMClips>
  <ScaleCrop>false</ScaleCrop>
  <HeadingPairs>
    <vt:vector size="8" baseType="variant">
      <vt:variant>
        <vt:lpstr>Fonts Used</vt:lpstr>
      </vt:variant>
      <vt:variant>
        <vt:i4>1</vt:i4>
      </vt:variant>
      <vt:variant>
        <vt:lpstr>Theme</vt:lpstr>
      </vt:variant>
      <vt:variant>
        <vt:i4>1</vt:i4>
      </vt:variant>
      <vt:variant>
        <vt:lpstr>Embedded OLE Servers</vt:lpstr>
      </vt:variant>
      <vt:variant>
        <vt:i4>1</vt:i4>
      </vt:variant>
      <vt:variant>
        <vt:lpstr>Slide Titles</vt:lpstr>
      </vt:variant>
      <vt:variant>
        <vt:i4>9</vt:i4>
      </vt:variant>
    </vt:vector>
  </HeadingPairs>
  <TitlesOfParts>
    <vt:vector size="12" baseType="lpstr">
      <vt:lpstr>Arial</vt:lpstr>
      <vt:lpstr>DSV Template</vt:lpstr>
      <vt:lpstr>think-cell Slide</vt:lpstr>
      <vt:lpstr>PowerPoint Presentation</vt:lpstr>
      <vt:lpstr>The UCC Reform</vt:lpstr>
      <vt:lpstr>Summer of 2025: we are in a trilogue</vt:lpstr>
      <vt:lpstr>Trust &amp; Check </vt:lpstr>
      <vt:lpstr>Trust and Check for freight forwarders and customs brokers?</vt:lpstr>
      <vt:lpstr>The debate continued…</vt:lpstr>
      <vt:lpstr>What customs brokers say: </vt:lpstr>
      <vt:lpstr>AEO C stays (most likely)</vt:lpstr>
      <vt:lpstr>Thank you     DSV – Your Customs Expert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5-06-24T12:20:05Z</dcterms:created>
  <dcterms:modified xsi:type="dcterms:W3CDTF">2025-09-05T07:06:0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1098821967768716521</vt:lpwstr>
  </property>
  <property fmtid="{D5CDD505-2E9C-101B-9397-08002B2CF9AE}" pid="6" name="TemplafyFromBlank">
    <vt:bool>true</vt:bool>
  </property>
  <property fmtid="{D5CDD505-2E9C-101B-9397-08002B2CF9AE}" pid="7" name="MSIP_Label_fc6c1fee-2f04-49ca-98cf-bcf61896c7fa_Enabled">
    <vt:lpwstr>true</vt:lpwstr>
  </property>
  <property fmtid="{D5CDD505-2E9C-101B-9397-08002B2CF9AE}" pid="8" name="MSIP_Label_fc6c1fee-2f04-49ca-98cf-bcf61896c7fa_SetDate">
    <vt:lpwstr>2025-07-03T19:20:22Z</vt:lpwstr>
  </property>
  <property fmtid="{D5CDD505-2E9C-101B-9397-08002B2CF9AE}" pid="9" name="MSIP_Label_fc6c1fee-2f04-49ca-98cf-bcf61896c7fa_Method">
    <vt:lpwstr>Standard</vt:lpwstr>
  </property>
  <property fmtid="{D5CDD505-2E9C-101B-9397-08002B2CF9AE}" pid="10" name="MSIP_Label_fc6c1fee-2f04-49ca-98cf-bcf61896c7fa_Name">
    <vt:lpwstr>Internal</vt:lpwstr>
  </property>
  <property fmtid="{D5CDD505-2E9C-101B-9397-08002B2CF9AE}" pid="11" name="MSIP_Label_fc6c1fee-2f04-49ca-98cf-bcf61896c7fa_SiteId">
    <vt:lpwstr>4a90c23a-3ece-4ef2-b857-522f23b8204c</vt:lpwstr>
  </property>
  <property fmtid="{D5CDD505-2E9C-101B-9397-08002B2CF9AE}" pid="12" name="MSIP_Label_fc6c1fee-2f04-49ca-98cf-bcf61896c7fa_ActionId">
    <vt:lpwstr>3e1d5f60-0e21-4f7d-a3d5-4f23390bafc7</vt:lpwstr>
  </property>
  <property fmtid="{D5CDD505-2E9C-101B-9397-08002B2CF9AE}" pid="13" name="MSIP_Label_fc6c1fee-2f04-49ca-98cf-bcf61896c7fa_ContentBits">
    <vt:lpwstr>2</vt:lpwstr>
  </property>
  <property fmtid="{D5CDD505-2E9C-101B-9397-08002B2CF9AE}" pid="14" name="ClassificationContentMarkingFooterLocations">
    <vt:lpwstr>DSV Template:5</vt:lpwstr>
  </property>
  <property fmtid="{D5CDD505-2E9C-101B-9397-08002B2CF9AE}" pid="15" name="ClassificationContentMarkingFooterText">
    <vt:lpwstr>DSV internal</vt:lpwstr>
  </property>
</Properties>
</file>